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 autoCompressPictures="0">
  <p:sldMasterIdLst>
    <p:sldMasterId id="2147483878" r:id="rId4"/>
  </p:sldMasterIdLst>
  <p:notesMasterIdLst>
    <p:notesMasterId r:id="rId11"/>
  </p:notesMasterIdLst>
  <p:sldIdLst>
    <p:sldId id="574" r:id="rId5"/>
    <p:sldId id="1451" r:id="rId6"/>
    <p:sldId id="1463" r:id="rId7"/>
    <p:sldId id="1464" r:id="rId8"/>
    <p:sldId id="1452" r:id="rId9"/>
    <p:sldId id="647" r:id="rId10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521415D9-36F7-43E2-AB2F-B90AF26B5E84}">
      <p14:sectionLst xmlns:p14="http://schemas.microsoft.com/office/powerpoint/2010/main">
        <p14:section name="Presentation Slides" id="{0E4CBAAE-50D6-6D47-9489-B93DBBD00911}">
          <p14:sldIdLst>
            <p14:sldId id="574"/>
            <p14:sldId id="1451"/>
            <p14:sldId id="1463"/>
            <p14:sldId id="1464"/>
            <p14:sldId id="1452"/>
          </p14:sldIdLst>
        </p14:section>
        <p14:section name="For Reference" id="{34038CA2-4B77-9641-9E47-69C390FAC338}">
          <p14:sldIdLst>
            <p14:sldId id="647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624" userDrawn="1">
          <p15:clr>
            <a:srgbClr val="A4A3A4"/>
          </p15:clr>
        </p15:guide>
        <p15:guide id="4" pos="7056" userDrawn="1">
          <p15:clr>
            <a:srgbClr val="A4A3A4"/>
          </p15:clr>
        </p15:guide>
        <p15:guide id="5" pos="6432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Emily Clayton" initials="EC" lastIdx="27" clrIdx="6">
    <p:extLst>
      <p:ext uri="{19B8F6BF-5375-455C-9EA6-DF929625EA0E}">
        <p15:presenceInfo xmlns:p15="http://schemas.microsoft.com/office/powerpoint/2012/main" userId="Emily Clayton" providerId="None"/>
      </p:ext>
    </p:extLst>
  </p:cmAuthor>
  <p:cmAuthor id="1" name="Erin Barnaby" initials="EB" lastIdx="36" clrIdx="0"/>
  <p:cmAuthor id="8" name="Kim Couri" initials="KC" lastIdx="15" clrIdx="7">
    <p:extLst>
      <p:ext uri="{19B8F6BF-5375-455C-9EA6-DF929625EA0E}">
        <p15:presenceInfo xmlns:p15="http://schemas.microsoft.com/office/powerpoint/2012/main" userId="S::kcouri@resonanceglobal.com::793f997e-064a-412f-b5c8-b3332e3b40dd" providerId="AD"/>
      </p:ext>
    </p:extLst>
  </p:cmAuthor>
  <p:cmAuthor id="2" name="Erin Barnaby" initials="EB [3]" lastIdx="1" clrIdx="1"/>
  <p:cmAuthor id="9" name="Kim Couri" initials="KC [2]" lastIdx="3" clrIdx="8">
    <p:extLst>
      <p:ext uri="{19B8F6BF-5375-455C-9EA6-DF929625EA0E}">
        <p15:presenceInfo xmlns:p15="http://schemas.microsoft.com/office/powerpoint/2012/main" userId="793f997e-064a-412f-b5c8-b3332e3b40dd" providerId="Windows Live"/>
      </p:ext>
    </p:extLst>
  </p:cmAuthor>
  <p:cmAuthor id="3" name="Erin Barnaby" initials="EB [2]" lastIdx="1" clrIdx="2"/>
  <p:cmAuthor id="4" name="James Bernard" initials="JB" lastIdx="40" clrIdx="3">
    <p:extLst/>
  </p:cmAuthor>
  <p:cmAuthor id="5" name="Zachary Harris" initials="ZH" lastIdx="11" clrIdx="4">
    <p:extLst>
      <p:ext uri="{19B8F6BF-5375-455C-9EA6-DF929625EA0E}">
        <p15:presenceInfo xmlns:p15="http://schemas.microsoft.com/office/powerpoint/2012/main" userId="S-1-5-21-3204519410-1952040929-1629309110-1193" providerId="AD"/>
      </p:ext>
    </p:extLst>
  </p:cmAuthor>
  <p:cmAuthor id="6" name="Zachary Harris" initials="ZH [2]" lastIdx="1" clrIdx="5">
    <p:extLst>
      <p:ext uri="{19B8F6BF-5375-455C-9EA6-DF929625EA0E}">
        <p15:presenceInfo xmlns:p15="http://schemas.microsoft.com/office/powerpoint/2012/main" userId="Zachary Harris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E2168"/>
    <a:srgbClr val="0D9847"/>
    <a:srgbClr val="008F00"/>
    <a:srgbClr val="539EA8"/>
    <a:srgbClr val="16A652"/>
    <a:srgbClr val="FFFFFF"/>
    <a:srgbClr val="047032"/>
    <a:srgbClr val="047A37"/>
    <a:srgbClr val="05893E"/>
    <a:srgbClr val="CFE4E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E69D1B8-8273-4B72-8651-2CF1D3B824D7}" v="3" dt="2019-04-16T03:58:19.49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173" autoAdjust="0"/>
    <p:restoredTop sz="75910" autoAdjust="0"/>
  </p:normalViewPr>
  <p:slideViewPr>
    <p:cSldViewPr snapToGrid="0">
      <p:cViewPr varScale="1">
        <p:scale>
          <a:sx n="65" d="100"/>
          <a:sy n="65" d="100"/>
        </p:scale>
        <p:origin x="1488" y="48"/>
      </p:cViewPr>
      <p:guideLst>
        <p:guide orient="horz" pos="2160"/>
        <p:guide pos="3840"/>
        <p:guide pos="624"/>
        <p:guide pos="7056"/>
        <p:guide pos="643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commentAuthors" Target="commentAuthors.xml"/><Relationship Id="rId17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mily Clayton" userId="736f76e2-1570-45a2-9c1d-121bb6a9bc70" providerId="ADAL" clId="{76F264B0-2D6A-4A4D-9D66-58D425CCA4DC}"/>
    <pc:docChg chg="undo modSld">
      <pc:chgData name="Emily Clayton" userId="736f76e2-1570-45a2-9c1d-121bb6a9bc70" providerId="ADAL" clId="{76F264B0-2D6A-4A4D-9D66-58D425CCA4DC}" dt="2019-04-16T13:17:52.942" v="47" actId="20577"/>
      <pc:docMkLst>
        <pc:docMk/>
      </pc:docMkLst>
      <pc:sldChg chg="modSp">
        <pc:chgData name="Emily Clayton" userId="736f76e2-1570-45a2-9c1d-121bb6a9bc70" providerId="ADAL" clId="{76F264B0-2D6A-4A4D-9D66-58D425CCA4DC}" dt="2019-04-16T13:17:52.942" v="47" actId="20577"/>
        <pc:sldMkLst>
          <pc:docMk/>
          <pc:sldMk cId="1202650492" sldId="1452"/>
        </pc:sldMkLst>
        <pc:spChg chg="mod">
          <ac:chgData name="Emily Clayton" userId="736f76e2-1570-45a2-9c1d-121bb6a9bc70" providerId="ADAL" clId="{76F264B0-2D6A-4A4D-9D66-58D425CCA4DC}" dt="2019-04-16T13:17:52.942" v="47" actId="20577"/>
          <ac:spMkLst>
            <pc:docMk/>
            <pc:sldMk cId="1202650492" sldId="1452"/>
            <ac:spMk id="4" creationId="{55436C4E-18BA-424F-B12D-07638E0D912B}"/>
          </ac:spMkLst>
        </pc:spChg>
      </pc:sldChg>
      <pc:sldChg chg="modSp">
        <pc:chgData name="Emily Clayton" userId="736f76e2-1570-45a2-9c1d-121bb6a9bc70" providerId="ADAL" clId="{76F264B0-2D6A-4A4D-9D66-58D425CCA4DC}" dt="2019-04-16T13:17:48.665" v="45" actId="20577"/>
        <pc:sldMkLst>
          <pc:docMk/>
          <pc:sldMk cId="1910065663" sldId="1463"/>
        </pc:sldMkLst>
        <pc:spChg chg="mod">
          <ac:chgData name="Emily Clayton" userId="736f76e2-1570-45a2-9c1d-121bb6a9bc70" providerId="ADAL" clId="{76F264B0-2D6A-4A4D-9D66-58D425CCA4DC}" dt="2019-04-16T13:12:30.373" v="5" actId="20577"/>
          <ac:spMkLst>
            <pc:docMk/>
            <pc:sldMk cId="1910065663" sldId="1463"/>
            <ac:spMk id="16" creationId="{42A38D58-E7AA-4A60-B0EA-2817A3EE1DA3}"/>
          </ac:spMkLst>
        </pc:spChg>
        <pc:spChg chg="mod">
          <ac:chgData name="Emily Clayton" userId="736f76e2-1570-45a2-9c1d-121bb6a9bc70" providerId="ADAL" clId="{76F264B0-2D6A-4A4D-9D66-58D425CCA4DC}" dt="2019-04-16T13:17:48.665" v="45" actId="20577"/>
          <ac:spMkLst>
            <pc:docMk/>
            <pc:sldMk cId="1910065663" sldId="1463"/>
            <ac:spMk id="32" creationId="{735C2BCD-01E8-479D-BAF9-745D86892B85}"/>
          </ac:spMkLst>
        </pc:spChg>
      </pc:sldChg>
    </pc:docChg>
  </pc:docChgLst>
  <pc:docChgLst>
    <pc:chgData name="James Bernard" userId="742a3f0e-0d13-4ef6-8ae0-52985a2961d3" providerId="ADAL" clId="{8E69D1B8-8273-4B72-8651-2CF1D3B824D7}"/>
    <pc:docChg chg="undo custSel modSld">
      <pc:chgData name="James Bernard" userId="742a3f0e-0d13-4ef6-8ae0-52985a2961d3" providerId="ADAL" clId="{8E69D1B8-8273-4B72-8651-2CF1D3B824D7}" dt="2019-04-16T04:01:00.827" v="557" actId="20577"/>
      <pc:docMkLst>
        <pc:docMk/>
      </pc:docMkLst>
      <pc:sldChg chg="modSp">
        <pc:chgData name="James Bernard" userId="742a3f0e-0d13-4ef6-8ae0-52985a2961d3" providerId="ADAL" clId="{8E69D1B8-8273-4B72-8651-2CF1D3B824D7}" dt="2019-04-16T04:01:00.827" v="557" actId="20577"/>
        <pc:sldMkLst>
          <pc:docMk/>
          <pc:sldMk cId="4162015447" sldId="1451"/>
        </pc:sldMkLst>
        <pc:spChg chg="mod">
          <ac:chgData name="James Bernard" userId="742a3f0e-0d13-4ef6-8ae0-52985a2961d3" providerId="ADAL" clId="{8E69D1B8-8273-4B72-8651-2CF1D3B824D7}" dt="2019-04-16T04:01:00.827" v="557" actId="20577"/>
          <ac:spMkLst>
            <pc:docMk/>
            <pc:sldMk cId="4162015447" sldId="1451"/>
            <ac:spMk id="3" creationId="{5EC33C70-698E-49B6-9F40-DF2ECD3BC725}"/>
          </ac:spMkLst>
        </pc:spChg>
        <pc:spChg chg="mod">
          <ac:chgData name="James Bernard" userId="742a3f0e-0d13-4ef6-8ae0-52985a2961d3" providerId="ADAL" clId="{8E69D1B8-8273-4B72-8651-2CF1D3B824D7}" dt="2019-04-16T04:00:35.135" v="531" actId="1076"/>
          <ac:spMkLst>
            <pc:docMk/>
            <pc:sldMk cId="4162015447" sldId="1451"/>
            <ac:spMk id="6" creationId="{ECDFA5F6-BEAD-4ACB-BD54-68C37CFC7AAE}"/>
          </ac:spMkLst>
        </pc:spChg>
      </pc:sldChg>
      <pc:sldChg chg="modSp">
        <pc:chgData name="James Bernard" userId="742a3f0e-0d13-4ef6-8ae0-52985a2961d3" providerId="ADAL" clId="{8E69D1B8-8273-4B72-8651-2CF1D3B824D7}" dt="2019-04-16T03:59:28.292" v="509" actId="1076"/>
        <pc:sldMkLst>
          <pc:docMk/>
          <pc:sldMk cId="1202650492" sldId="1452"/>
        </pc:sldMkLst>
        <pc:spChg chg="mod">
          <ac:chgData name="James Bernard" userId="742a3f0e-0d13-4ef6-8ae0-52985a2961d3" providerId="ADAL" clId="{8E69D1B8-8273-4B72-8651-2CF1D3B824D7}" dt="2019-04-16T03:59:28.292" v="509" actId="1076"/>
          <ac:spMkLst>
            <pc:docMk/>
            <pc:sldMk cId="1202650492" sldId="1452"/>
            <ac:spMk id="4" creationId="{55436C4E-18BA-424F-B12D-07638E0D912B}"/>
          </ac:spMkLst>
        </pc:spChg>
        <pc:spChg chg="mod">
          <ac:chgData name="James Bernard" userId="742a3f0e-0d13-4ef6-8ae0-52985a2961d3" providerId="ADAL" clId="{8E69D1B8-8273-4B72-8651-2CF1D3B824D7}" dt="2019-04-16T03:59:07.374" v="493" actId="403"/>
          <ac:spMkLst>
            <pc:docMk/>
            <pc:sldMk cId="1202650492" sldId="1452"/>
            <ac:spMk id="11" creationId="{5FCD483E-0656-4225-8F7A-306280083ECE}"/>
          </ac:spMkLst>
        </pc:spChg>
      </pc:sldChg>
      <pc:sldChg chg="modSp">
        <pc:chgData name="James Bernard" userId="742a3f0e-0d13-4ef6-8ae0-52985a2961d3" providerId="ADAL" clId="{8E69D1B8-8273-4B72-8651-2CF1D3B824D7}" dt="2019-04-16T03:49:31.096" v="58" actId="20577"/>
        <pc:sldMkLst>
          <pc:docMk/>
          <pc:sldMk cId="1910065663" sldId="1463"/>
        </pc:sldMkLst>
        <pc:spChg chg="mod">
          <ac:chgData name="James Bernard" userId="742a3f0e-0d13-4ef6-8ae0-52985a2961d3" providerId="ADAL" clId="{8E69D1B8-8273-4B72-8651-2CF1D3B824D7}" dt="2019-04-16T03:46:09.038" v="4" actId="1076"/>
          <ac:spMkLst>
            <pc:docMk/>
            <pc:sldMk cId="1910065663" sldId="1463"/>
            <ac:spMk id="22" creationId="{711AEC57-5EFA-46E0-B219-8F2C6FCD0097}"/>
          </ac:spMkLst>
        </pc:spChg>
        <pc:spChg chg="mod">
          <ac:chgData name="James Bernard" userId="742a3f0e-0d13-4ef6-8ae0-52985a2961d3" providerId="ADAL" clId="{8E69D1B8-8273-4B72-8651-2CF1D3B824D7}" dt="2019-04-16T03:47:32.662" v="45" actId="1076"/>
          <ac:spMkLst>
            <pc:docMk/>
            <pc:sldMk cId="1910065663" sldId="1463"/>
            <ac:spMk id="23" creationId="{4145AB0F-1B7D-482A-9D6B-6AAC401DBFC0}"/>
          </ac:spMkLst>
        </pc:spChg>
        <pc:spChg chg="mod">
          <ac:chgData name="James Bernard" userId="742a3f0e-0d13-4ef6-8ae0-52985a2961d3" providerId="ADAL" clId="{8E69D1B8-8273-4B72-8651-2CF1D3B824D7}" dt="2019-04-16T03:47:25.341" v="44" actId="1076"/>
          <ac:spMkLst>
            <pc:docMk/>
            <pc:sldMk cId="1910065663" sldId="1463"/>
            <ac:spMk id="28" creationId="{1A771186-FD8F-435B-BE66-F88A9BF627E5}"/>
          </ac:spMkLst>
        </pc:spChg>
        <pc:spChg chg="mod">
          <ac:chgData name="James Bernard" userId="742a3f0e-0d13-4ef6-8ae0-52985a2961d3" providerId="ADAL" clId="{8E69D1B8-8273-4B72-8651-2CF1D3B824D7}" dt="2019-04-16T03:45:48.855" v="1" actId="1076"/>
          <ac:spMkLst>
            <pc:docMk/>
            <pc:sldMk cId="1910065663" sldId="1463"/>
            <ac:spMk id="31" creationId="{B466E417-45DB-475A-9B95-483B890C11F0}"/>
          </ac:spMkLst>
        </pc:spChg>
        <pc:spChg chg="mod">
          <ac:chgData name="James Bernard" userId="742a3f0e-0d13-4ef6-8ae0-52985a2961d3" providerId="ADAL" clId="{8E69D1B8-8273-4B72-8651-2CF1D3B824D7}" dt="2019-04-16T03:49:31.096" v="58" actId="20577"/>
          <ac:spMkLst>
            <pc:docMk/>
            <pc:sldMk cId="1910065663" sldId="1463"/>
            <ac:spMk id="32" creationId="{735C2BCD-01E8-479D-BAF9-745D86892B85}"/>
          </ac:spMkLst>
        </pc:spChg>
      </pc:sldChg>
      <pc:sldChg chg="addSp modSp addCm delCm">
        <pc:chgData name="James Bernard" userId="742a3f0e-0d13-4ef6-8ae0-52985a2961d3" providerId="ADAL" clId="{8E69D1B8-8273-4B72-8651-2CF1D3B824D7}" dt="2019-04-16T03:56:56.036" v="393" actId="1076"/>
        <pc:sldMkLst>
          <pc:docMk/>
          <pc:sldMk cId="323487000" sldId="1464"/>
        </pc:sldMkLst>
        <pc:spChg chg="mod">
          <ac:chgData name="James Bernard" userId="742a3f0e-0d13-4ef6-8ae0-52985a2961d3" providerId="ADAL" clId="{8E69D1B8-8273-4B72-8651-2CF1D3B824D7}" dt="2019-04-16T03:56:56.036" v="393" actId="1076"/>
          <ac:spMkLst>
            <pc:docMk/>
            <pc:sldMk cId="323487000" sldId="1464"/>
            <ac:spMk id="2" creationId="{9595AA75-E28C-4FFF-AAE1-5F6F70ECB5F2}"/>
          </ac:spMkLst>
        </pc:spChg>
        <pc:spChg chg="mod">
          <ac:chgData name="James Bernard" userId="742a3f0e-0d13-4ef6-8ae0-52985a2961d3" providerId="ADAL" clId="{8E69D1B8-8273-4B72-8651-2CF1D3B824D7}" dt="2019-04-16T03:55:56.283" v="313" actId="1076"/>
          <ac:spMkLst>
            <pc:docMk/>
            <pc:sldMk cId="323487000" sldId="1464"/>
            <ac:spMk id="4" creationId="{76B5EC97-6B1F-47A0-93A2-F466330A20DD}"/>
          </ac:spMkLst>
        </pc:spChg>
        <pc:spChg chg="mod">
          <ac:chgData name="James Bernard" userId="742a3f0e-0d13-4ef6-8ae0-52985a2961d3" providerId="ADAL" clId="{8E69D1B8-8273-4B72-8651-2CF1D3B824D7}" dt="2019-04-16T03:56:25.579" v="368" actId="20577"/>
          <ac:spMkLst>
            <pc:docMk/>
            <pc:sldMk cId="323487000" sldId="1464"/>
            <ac:spMk id="5" creationId="{2D446935-E33C-4654-A6A1-1B51D1F80C51}"/>
          </ac:spMkLst>
        </pc:spChg>
        <pc:cxnChg chg="add mod">
          <ac:chgData name="James Bernard" userId="742a3f0e-0d13-4ef6-8ae0-52985a2961d3" providerId="ADAL" clId="{8E69D1B8-8273-4B72-8651-2CF1D3B824D7}" dt="2019-04-16T03:56:32.904" v="369" actId="14100"/>
          <ac:cxnSpMkLst>
            <pc:docMk/>
            <pc:sldMk cId="323487000" sldId="1464"/>
            <ac:cxnSpMk id="6" creationId="{10E6C378-125D-4ADC-A1AD-C4A38AC40216}"/>
          </ac:cxnSpMkLst>
        </pc:cxn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Shape 4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r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Shape 5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6" name="Shape 6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b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Shape 8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rtl="0">
              <a:spcBef>
                <a:spcPts val="0"/>
              </a:spcBef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AD58AD-5788-4A6B-9A5B-A9E8A8F38FF3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972611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2" name="Shape 1322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</p:spPr>
        <p:txBody>
          <a:bodyPr wrap="square"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 lang="en-US"/>
          </a:p>
        </p:txBody>
      </p:sp>
      <p:sp>
        <p:nvSpPr>
          <p:cNvPr id="1323" name="Shape 132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2888789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None/>
            </a:pPr>
            <a:r>
              <a:rPr lang="en-US" b="1" dirty="0">
                <a:solidFill>
                  <a:schemeClr val="tx1"/>
                </a:solidFill>
              </a:rPr>
              <a:t>Stakeholder Interviews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Completed interviews with </a:t>
            </a:r>
            <a:r>
              <a:rPr lang="en-US" dirty="0" err="1">
                <a:solidFill>
                  <a:schemeClr val="tx1"/>
                </a:solidFill>
              </a:rPr>
              <a:t>Vitalliance</a:t>
            </a:r>
            <a:r>
              <a:rPr lang="en-US" dirty="0">
                <a:solidFill>
                  <a:schemeClr val="tx1"/>
                </a:solidFill>
              </a:rPr>
              <a:t>, Medical Teams International, BMGF, </a:t>
            </a:r>
            <a:r>
              <a:rPr lang="en-US" dirty="0" err="1">
                <a:solidFill>
                  <a:schemeClr val="tx1"/>
                </a:solidFill>
              </a:rPr>
              <a:t>VillageReach</a:t>
            </a:r>
            <a:r>
              <a:rPr lang="en-US" dirty="0">
                <a:solidFill>
                  <a:schemeClr val="tx1"/>
                </a:solidFill>
              </a:rPr>
              <a:t> South Africa, BAO Systems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Upcoming: GHSC-PSM, DIAL, others to be scheduled</a:t>
            </a:r>
            <a:endParaRPr lang="en-US" i="1" dirty="0">
              <a:solidFill>
                <a:schemeClr val="tx1"/>
              </a:solidFill>
            </a:endParaRPr>
          </a:p>
          <a:p>
            <a:pPr>
              <a:buNone/>
            </a:pP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None/>
            </a:pPr>
            <a:r>
              <a:rPr lang="en-US" b="1" dirty="0">
                <a:latin typeface="Arial" panose="020B0604020202020204" pitchFamily="34" charset="0"/>
                <a:cs typeface="Arial" panose="020B0604020202020204" pitchFamily="34" charset="0"/>
              </a:rPr>
              <a:t>Business model refinement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Continued desk research on customer and market segmentation and profiled innovative companies</a:t>
            </a:r>
          </a:p>
          <a:p>
            <a:pPr marL="285750" indent="-2857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/>
              <a:t>Upcoming: Continue research on new customer segments and models and prepare synthesis of recommendations</a:t>
            </a:r>
            <a:endParaRPr lang="en-US" i="1" dirty="0"/>
          </a:p>
          <a:p>
            <a:pPr>
              <a:buNone/>
            </a:pP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3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9875580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933257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4" name="Shape 214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>
            <a:noAutofit/>
          </a:bodyPr>
          <a:lstStyle/>
          <a:p>
            <a:pPr marL="0" marR="0" lvl="0" indent="-88899" algn="l" rtl="0">
              <a:spcBef>
                <a:spcPts val="0"/>
              </a:spcBef>
              <a:buClr>
                <a:schemeClr val="dk1"/>
              </a:buClr>
              <a:buSzPts val="1400"/>
              <a:buFont typeface="Calibri"/>
              <a:buNone/>
            </a:pPr>
            <a:endParaRPr lang="en-US" sz="1200" b="0" i="0" u="none" strike="noStrike" cap="none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  <a:sym typeface="Calibri"/>
            </a:endParaRPr>
          </a:p>
        </p:txBody>
      </p:sp>
      <p:sp>
        <p:nvSpPr>
          <p:cNvPr id="215" name="Shape 215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1415633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9484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68261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756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7480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555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685884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0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/>
          <p:cNvSpPr>
            <a:spLocks noGrp="1"/>
          </p:cNvSpPr>
          <p:nvPr>
            <p:ph type="pic" sz="quarter" idx="10"/>
          </p:nvPr>
        </p:nvSpPr>
        <p:spPr>
          <a:xfrm>
            <a:off x="912813" y="-435835"/>
            <a:ext cx="4603567" cy="5645151"/>
          </a:xfrm>
          <a:custGeom>
            <a:avLst/>
            <a:gdLst>
              <a:gd name="connsiteX0" fmla="*/ 4232608 w 4603567"/>
              <a:gd name="connsiteY0" fmla="*/ 0 h 5645151"/>
              <a:gd name="connsiteX1" fmla="*/ 4603567 w 4603567"/>
              <a:gd name="connsiteY1" fmla="*/ 352367 h 5645151"/>
              <a:gd name="connsiteX2" fmla="*/ 4603567 w 4603567"/>
              <a:gd name="connsiteY2" fmla="*/ 5292784 h 5645151"/>
              <a:gd name="connsiteX3" fmla="*/ 4232608 w 4603567"/>
              <a:gd name="connsiteY3" fmla="*/ 5645151 h 5645151"/>
              <a:gd name="connsiteX4" fmla="*/ 3861649 w 4603567"/>
              <a:gd name="connsiteY4" fmla="*/ 5292784 h 5645151"/>
              <a:gd name="connsiteX5" fmla="*/ 3861649 w 4603567"/>
              <a:gd name="connsiteY5" fmla="*/ 352367 h 5645151"/>
              <a:gd name="connsiteX6" fmla="*/ 4232608 w 4603567"/>
              <a:gd name="connsiteY6" fmla="*/ 0 h 5645151"/>
              <a:gd name="connsiteX7" fmla="*/ 3459778 w 4603567"/>
              <a:gd name="connsiteY7" fmla="*/ 0 h 5645151"/>
              <a:gd name="connsiteX8" fmla="*/ 3829901 w 4603567"/>
              <a:gd name="connsiteY8" fmla="*/ 352429 h 5645151"/>
              <a:gd name="connsiteX9" fmla="*/ 3829901 w 4603567"/>
              <a:gd name="connsiteY9" fmla="*/ 4151310 h 5645151"/>
              <a:gd name="connsiteX10" fmla="*/ 3459778 w 4603567"/>
              <a:gd name="connsiteY10" fmla="*/ 4503738 h 5645151"/>
              <a:gd name="connsiteX11" fmla="*/ 3089654 w 4603567"/>
              <a:gd name="connsiteY11" fmla="*/ 4151310 h 5645151"/>
              <a:gd name="connsiteX12" fmla="*/ 3089654 w 4603567"/>
              <a:gd name="connsiteY12" fmla="*/ 352429 h 5645151"/>
              <a:gd name="connsiteX13" fmla="*/ 3459778 w 4603567"/>
              <a:gd name="connsiteY13" fmla="*/ 0 h 5645151"/>
              <a:gd name="connsiteX14" fmla="*/ 2687782 w 4603567"/>
              <a:gd name="connsiteY14" fmla="*/ 0 h 5645151"/>
              <a:gd name="connsiteX15" fmla="*/ 3057905 w 4603567"/>
              <a:gd name="connsiteY15" fmla="*/ 352375 h 5645151"/>
              <a:gd name="connsiteX16" fmla="*/ 3057905 w 4603567"/>
              <a:gd name="connsiteY16" fmla="*/ 4651426 h 5645151"/>
              <a:gd name="connsiteX17" fmla="*/ 2687782 w 4603567"/>
              <a:gd name="connsiteY17" fmla="*/ 5003801 h 5645151"/>
              <a:gd name="connsiteX18" fmla="*/ 2317658 w 4603567"/>
              <a:gd name="connsiteY18" fmla="*/ 4651426 h 5645151"/>
              <a:gd name="connsiteX19" fmla="*/ 2317658 w 4603567"/>
              <a:gd name="connsiteY19" fmla="*/ 352375 h 5645151"/>
              <a:gd name="connsiteX20" fmla="*/ 2687782 w 4603567"/>
              <a:gd name="connsiteY20" fmla="*/ 0 h 5645151"/>
              <a:gd name="connsiteX21" fmla="*/ 1914950 w 4603567"/>
              <a:gd name="connsiteY21" fmla="*/ 0 h 5645151"/>
              <a:gd name="connsiteX22" fmla="*/ 2285909 w 4603567"/>
              <a:gd name="connsiteY22" fmla="*/ 352368 h 5645151"/>
              <a:gd name="connsiteX23" fmla="*/ 2285909 w 4603567"/>
              <a:gd name="connsiteY23" fmla="*/ 5292784 h 5645151"/>
              <a:gd name="connsiteX24" fmla="*/ 1914950 w 4603567"/>
              <a:gd name="connsiteY24" fmla="*/ 5645151 h 5645151"/>
              <a:gd name="connsiteX25" fmla="*/ 1543991 w 4603567"/>
              <a:gd name="connsiteY25" fmla="*/ 5292784 h 5645151"/>
              <a:gd name="connsiteX26" fmla="*/ 1543991 w 4603567"/>
              <a:gd name="connsiteY26" fmla="*/ 352368 h 5645151"/>
              <a:gd name="connsiteX27" fmla="*/ 1914950 w 4603567"/>
              <a:gd name="connsiteY27" fmla="*/ 0 h 5645151"/>
              <a:gd name="connsiteX28" fmla="*/ 1142955 w 4603567"/>
              <a:gd name="connsiteY28" fmla="*/ 0 h 5645151"/>
              <a:gd name="connsiteX29" fmla="*/ 1513914 w 4603567"/>
              <a:gd name="connsiteY29" fmla="*/ 352361 h 5645151"/>
              <a:gd name="connsiteX30" fmla="*/ 1513914 w 4603567"/>
              <a:gd name="connsiteY30" fmla="*/ 4215241 h 5645151"/>
              <a:gd name="connsiteX31" fmla="*/ 1142955 w 4603567"/>
              <a:gd name="connsiteY31" fmla="*/ 4567238 h 5645151"/>
              <a:gd name="connsiteX32" fmla="*/ 771996 w 4603567"/>
              <a:gd name="connsiteY32" fmla="*/ 4215241 h 5645151"/>
              <a:gd name="connsiteX33" fmla="*/ 771996 w 4603567"/>
              <a:gd name="connsiteY33" fmla="*/ 352361 h 5645151"/>
              <a:gd name="connsiteX34" fmla="*/ 1142955 w 4603567"/>
              <a:gd name="connsiteY34" fmla="*/ 0 h 5645151"/>
              <a:gd name="connsiteX35" fmla="*/ 370959 w 4603567"/>
              <a:gd name="connsiteY35" fmla="*/ 0 h 5645151"/>
              <a:gd name="connsiteX36" fmla="*/ 741918 w 4603567"/>
              <a:gd name="connsiteY36" fmla="*/ 352368 h 5645151"/>
              <a:gd name="connsiteX37" fmla="*/ 741918 w 4603567"/>
              <a:gd name="connsiteY37" fmla="*/ 5292784 h 5645151"/>
              <a:gd name="connsiteX38" fmla="*/ 370959 w 4603567"/>
              <a:gd name="connsiteY38" fmla="*/ 5645151 h 5645151"/>
              <a:gd name="connsiteX39" fmla="*/ 0 w 4603567"/>
              <a:gd name="connsiteY39" fmla="*/ 5292784 h 5645151"/>
              <a:gd name="connsiteX40" fmla="*/ 0 w 4603567"/>
              <a:gd name="connsiteY40" fmla="*/ 352368 h 5645151"/>
              <a:gd name="connsiteX41" fmla="*/ 370959 w 4603567"/>
              <a:gd name="connsiteY41" fmla="*/ 0 h 56451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4603567" h="5645151">
                <a:moveTo>
                  <a:pt x="4232608" y="0"/>
                </a:moveTo>
                <a:cubicBezTo>
                  <a:pt x="4436655" y="0"/>
                  <a:pt x="4603567" y="158547"/>
                  <a:pt x="4603567" y="352367"/>
                </a:cubicBezTo>
                <a:lnTo>
                  <a:pt x="4603567" y="5292784"/>
                </a:lnTo>
                <a:cubicBezTo>
                  <a:pt x="4603567" y="5486604"/>
                  <a:pt x="4436655" y="5645151"/>
                  <a:pt x="4232608" y="5645151"/>
                </a:cubicBezTo>
                <a:cubicBezTo>
                  <a:pt x="4028562" y="5645151"/>
                  <a:pt x="3861649" y="5486604"/>
                  <a:pt x="3861649" y="5292784"/>
                </a:cubicBezTo>
                <a:lnTo>
                  <a:pt x="3861649" y="352367"/>
                </a:lnTo>
                <a:cubicBezTo>
                  <a:pt x="3861649" y="158547"/>
                  <a:pt x="4028562" y="0"/>
                  <a:pt x="4232608" y="0"/>
                </a:cubicBezTo>
                <a:close/>
                <a:moveTo>
                  <a:pt x="3459778" y="0"/>
                </a:moveTo>
                <a:cubicBezTo>
                  <a:pt x="3663365" y="0"/>
                  <a:pt x="3829901" y="158575"/>
                  <a:pt x="3829901" y="352429"/>
                </a:cubicBezTo>
                <a:lnTo>
                  <a:pt x="3829901" y="4151310"/>
                </a:lnTo>
                <a:cubicBezTo>
                  <a:pt x="3829901" y="4345164"/>
                  <a:pt x="3663365" y="4503738"/>
                  <a:pt x="3459778" y="4503738"/>
                </a:cubicBezTo>
                <a:cubicBezTo>
                  <a:pt x="3256191" y="4503738"/>
                  <a:pt x="3089654" y="4345164"/>
                  <a:pt x="3089654" y="4151310"/>
                </a:cubicBezTo>
                <a:lnTo>
                  <a:pt x="3089654" y="352429"/>
                </a:lnTo>
                <a:cubicBezTo>
                  <a:pt x="3089654" y="158575"/>
                  <a:pt x="3256191" y="0"/>
                  <a:pt x="3459778" y="0"/>
                </a:cubicBezTo>
                <a:close/>
                <a:moveTo>
                  <a:pt x="2687782" y="0"/>
                </a:moveTo>
                <a:cubicBezTo>
                  <a:pt x="2891369" y="0"/>
                  <a:pt x="3057905" y="158551"/>
                  <a:pt x="3057905" y="352375"/>
                </a:cubicBezTo>
                <a:lnTo>
                  <a:pt x="3057905" y="4651426"/>
                </a:lnTo>
                <a:cubicBezTo>
                  <a:pt x="3057905" y="4845251"/>
                  <a:pt x="2891369" y="5003801"/>
                  <a:pt x="2687782" y="5003801"/>
                </a:cubicBezTo>
                <a:cubicBezTo>
                  <a:pt x="2484195" y="5003801"/>
                  <a:pt x="2317658" y="4845251"/>
                  <a:pt x="2317658" y="4651426"/>
                </a:cubicBezTo>
                <a:lnTo>
                  <a:pt x="2317658" y="352375"/>
                </a:lnTo>
                <a:cubicBezTo>
                  <a:pt x="2317658" y="158551"/>
                  <a:pt x="2484195" y="0"/>
                  <a:pt x="2687782" y="0"/>
                </a:cubicBezTo>
                <a:close/>
                <a:moveTo>
                  <a:pt x="1914950" y="0"/>
                </a:moveTo>
                <a:cubicBezTo>
                  <a:pt x="2118997" y="0"/>
                  <a:pt x="2285909" y="158548"/>
                  <a:pt x="2285909" y="352368"/>
                </a:cubicBezTo>
                <a:lnTo>
                  <a:pt x="2285909" y="5292784"/>
                </a:lnTo>
                <a:cubicBezTo>
                  <a:pt x="2285909" y="5486604"/>
                  <a:pt x="2118997" y="5645151"/>
                  <a:pt x="1914950" y="5645151"/>
                </a:cubicBezTo>
                <a:cubicBezTo>
                  <a:pt x="1710904" y="5645151"/>
                  <a:pt x="1543991" y="5486604"/>
                  <a:pt x="1543991" y="5292784"/>
                </a:cubicBezTo>
                <a:lnTo>
                  <a:pt x="1543991" y="352368"/>
                </a:lnTo>
                <a:cubicBezTo>
                  <a:pt x="1543991" y="158548"/>
                  <a:pt x="1710904" y="0"/>
                  <a:pt x="1914950" y="0"/>
                </a:cubicBezTo>
                <a:close/>
                <a:moveTo>
                  <a:pt x="1142955" y="0"/>
                </a:moveTo>
                <a:cubicBezTo>
                  <a:pt x="1347002" y="0"/>
                  <a:pt x="1513914" y="158545"/>
                  <a:pt x="1513914" y="352361"/>
                </a:cubicBezTo>
                <a:lnTo>
                  <a:pt x="1513914" y="4215241"/>
                </a:lnTo>
                <a:cubicBezTo>
                  <a:pt x="1513914" y="4408694"/>
                  <a:pt x="1347002" y="4567238"/>
                  <a:pt x="1142955" y="4567238"/>
                </a:cubicBezTo>
                <a:cubicBezTo>
                  <a:pt x="938909" y="4567238"/>
                  <a:pt x="771996" y="4408694"/>
                  <a:pt x="771996" y="4215241"/>
                </a:cubicBezTo>
                <a:lnTo>
                  <a:pt x="771996" y="352361"/>
                </a:lnTo>
                <a:cubicBezTo>
                  <a:pt x="771996" y="158545"/>
                  <a:pt x="938909" y="0"/>
                  <a:pt x="1142955" y="0"/>
                </a:cubicBezTo>
                <a:close/>
                <a:moveTo>
                  <a:pt x="370959" y="0"/>
                </a:moveTo>
                <a:cubicBezTo>
                  <a:pt x="575006" y="0"/>
                  <a:pt x="741918" y="158548"/>
                  <a:pt x="741918" y="352368"/>
                </a:cubicBezTo>
                <a:lnTo>
                  <a:pt x="741918" y="5292784"/>
                </a:lnTo>
                <a:cubicBezTo>
                  <a:pt x="741918" y="5486604"/>
                  <a:pt x="575006" y="5645151"/>
                  <a:pt x="370959" y="5645151"/>
                </a:cubicBezTo>
                <a:cubicBezTo>
                  <a:pt x="166912" y="5645151"/>
                  <a:pt x="0" y="5486604"/>
                  <a:pt x="0" y="5292784"/>
                </a:cubicBezTo>
                <a:lnTo>
                  <a:pt x="0" y="352368"/>
                </a:lnTo>
                <a:cubicBezTo>
                  <a:pt x="0" y="158548"/>
                  <a:pt x="166912" y="0"/>
                  <a:pt x="370959" y="0"/>
                </a:cubicBez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32416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3798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1 Content + Right Photo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152400"/>
            <a:ext cx="5892800" cy="6553200"/>
          </a:xfrm>
          <a:solidFill>
            <a:srgbClr val="FFFFFF"/>
          </a:solidFill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200">
                <a:solidFill>
                  <a:srgbClr val="6C6463"/>
                </a:solidFill>
              </a:defRPr>
            </a:lvl1pPr>
          </a:lstStyle>
          <a:p>
            <a:r>
              <a:rPr lang="en-US"/>
              <a:t>ADD PHOTO HERE</a:t>
            </a: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032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l">
              <a:defRPr sz="600" b="0" i="0">
                <a:solidFill>
                  <a:srgbClr val="6C6463"/>
                </a:solidFill>
                <a:latin typeface="Gill Sans MT"/>
                <a:cs typeface="Gill Sans MT"/>
              </a:defRPr>
            </a:lvl1pPr>
          </a:lstStyle>
          <a:p>
            <a:fld id="{60FEB5C5-97E6-6B45-BBE4-F2449473BB96}" type="datetime1">
              <a:rPr lang="en-US" smtClean="0"/>
              <a:pPr/>
              <a:t>4/16/2019</a:t>
            </a:fld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440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r">
              <a:defRPr sz="600" b="0" i="0">
                <a:solidFill>
                  <a:srgbClr val="FFFFFF"/>
                </a:solidFill>
                <a:latin typeface="Gill Sans MT"/>
                <a:cs typeface="Gill Sans MT"/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Content Placeholder 2"/>
          <p:cNvSpPr>
            <a:spLocks noGrp="1"/>
          </p:cNvSpPr>
          <p:nvPr>
            <p:ph idx="1"/>
          </p:nvPr>
        </p:nvSpPr>
        <p:spPr>
          <a:xfrm>
            <a:off x="914400" y="2057402"/>
            <a:ext cx="4876800" cy="4114799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914400" y="486964"/>
            <a:ext cx="4876395" cy="1311128"/>
          </a:xfrm>
        </p:spPr>
        <p:txBody>
          <a:bodyPr wrap="square"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2" hasCustomPrompt="1"/>
          </p:nvPr>
        </p:nvSpPr>
        <p:spPr>
          <a:xfrm rot="16200000">
            <a:off x="10494089" y="1436283"/>
            <a:ext cx="2743200" cy="175433"/>
          </a:xfrm>
        </p:spPr>
        <p:txBody>
          <a:bodyPr>
            <a:spAutoFit/>
          </a:bodyPr>
          <a:lstStyle>
            <a:lvl1pPr marL="0" indent="0" algn="r">
              <a:buNone/>
              <a:defRPr sz="600" baseline="0">
                <a:solidFill>
                  <a:srgbClr val="FFFFFF"/>
                </a:solidFill>
              </a:defRPr>
            </a:lvl1pPr>
            <a:lvl2pPr marL="230187" indent="0">
              <a:buNone/>
              <a:defRPr sz="1800">
                <a:solidFill>
                  <a:schemeClr val="bg1"/>
                </a:solidFill>
              </a:defRPr>
            </a:lvl2pPr>
            <a:lvl3pPr marL="460375" indent="0">
              <a:buNone/>
              <a:defRPr sz="1600">
                <a:solidFill>
                  <a:schemeClr val="bg1"/>
                </a:solidFill>
              </a:defRPr>
            </a:lvl3pPr>
            <a:lvl4pPr marL="684212" indent="0">
              <a:buNone/>
              <a:defRPr sz="1400">
                <a:solidFill>
                  <a:schemeClr val="bg1"/>
                </a:solidFill>
              </a:defRPr>
            </a:lvl4pPr>
            <a:lvl5pPr marL="1025525" indent="0">
              <a:buNone/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ADD PHOTO CREDIT HERE</a:t>
            </a:r>
          </a:p>
        </p:txBody>
      </p:sp>
    </p:spTree>
    <p:extLst>
      <p:ext uri="{BB962C8B-B14F-4D97-AF65-F5344CB8AC3E}">
        <p14:creationId xmlns:p14="http://schemas.microsoft.com/office/powerpoint/2010/main" val="3834798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36733" cy="6858000"/>
          </a:xfrm>
        </p:spPr>
        <p:txBody>
          <a:bodyPr>
            <a:normAutofit/>
          </a:bodyPr>
          <a:lstStyle>
            <a:lvl1pPr>
              <a:defRPr sz="1125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142681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3 Content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4805" y="1600200"/>
            <a:ext cx="335239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924800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39C62A9A-2216-F44B-AFF9-136AA601C377}" type="datetime1">
              <a:rPr lang="en-US" smtClean="0"/>
              <a:t>4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r>
              <a:rPr lang="en-US"/>
              <a:t>FOOTER GOES HER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914805" y="669869"/>
            <a:ext cx="10363200" cy="701731"/>
          </a:xfrm>
        </p:spPr>
        <p:txBody>
          <a:bodyPr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13"/>
          </p:nvPr>
        </p:nvSpPr>
        <p:spPr>
          <a:xfrm>
            <a:off x="4419398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690862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80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0 w 6858000"/>
              <a:gd name="connsiteY0" fmla="*/ 0 h 6858000"/>
              <a:gd name="connsiteX1" fmla="*/ 6858000 w 6858000"/>
              <a:gd name="connsiteY1" fmla="*/ 0 h 6858000"/>
              <a:gd name="connsiteX2" fmla="*/ 6858000 w 6858000"/>
              <a:gd name="connsiteY2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6858000" h="6858000"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9110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472597" y="-1"/>
            <a:ext cx="4438054" cy="6858000"/>
          </a:xfrm>
          <a:custGeom>
            <a:avLst/>
            <a:gdLst>
              <a:gd name="connsiteX0" fmla="*/ 2393011 w 4438054"/>
              <a:gd name="connsiteY0" fmla="*/ 2617063 h 6858000"/>
              <a:gd name="connsiteX1" fmla="*/ 4438054 w 4438054"/>
              <a:gd name="connsiteY1" fmla="*/ 2617063 h 6858000"/>
              <a:gd name="connsiteX2" fmla="*/ 3756373 w 4438054"/>
              <a:gd name="connsiteY2" fmla="*/ 6858000 h 6858000"/>
              <a:gd name="connsiteX3" fmla="*/ 1711330 w 4438054"/>
              <a:gd name="connsiteY3" fmla="*/ 6858000 h 6858000"/>
              <a:gd name="connsiteX4" fmla="*/ 681681 w 4438054"/>
              <a:gd name="connsiteY4" fmla="*/ 0 h 6858000"/>
              <a:gd name="connsiteX5" fmla="*/ 2726724 w 4438054"/>
              <a:gd name="connsiteY5" fmla="*/ 0 h 6858000"/>
              <a:gd name="connsiteX6" fmla="*/ 2045043 w 4438054"/>
              <a:gd name="connsiteY6" fmla="*/ 4240937 h 6858000"/>
              <a:gd name="connsiteX7" fmla="*/ 0 w 4438054"/>
              <a:gd name="connsiteY7" fmla="*/ 4240937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38054" h="6858000">
                <a:moveTo>
                  <a:pt x="2393011" y="2617063"/>
                </a:moveTo>
                <a:lnTo>
                  <a:pt x="4438054" y="2617063"/>
                </a:lnTo>
                <a:lnTo>
                  <a:pt x="3756373" y="6858000"/>
                </a:lnTo>
                <a:lnTo>
                  <a:pt x="1711330" y="6858000"/>
                </a:lnTo>
                <a:close/>
                <a:moveTo>
                  <a:pt x="681681" y="0"/>
                </a:moveTo>
                <a:lnTo>
                  <a:pt x="2726724" y="0"/>
                </a:lnTo>
                <a:lnTo>
                  <a:pt x="2045043" y="4240937"/>
                </a:lnTo>
                <a:lnTo>
                  <a:pt x="0" y="4240937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870736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3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1629369" y="1189727"/>
            <a:ext cx="3952594" cy="4478546"/>
          </a:xfrm>
          <a:custGeom>
            <a:avLst/>
            <a:gdLst>
              <a:gd name="connsiteX0" fmla="*/ 821064 w 1574800"/>
              <a:gd name="connsiteY0" fmla="*/ 1354138 h 1784351"/>
              <a:gd name="connsiteX1" fmla="*/ 1547473 w 1574800"/>
              <a:gd name="connsiteY1" fmla="*/ 1354138 h 1784351"/>
              <a:gd name="connsiteX2" fmla="*/ 1549400 w 1574800"/>
              <a:gd name="connsiteY2" fmla="*/ 1361820 h 1784351"/>
              <a:gd name="connsiteX3" fmla="*/ 813357 w 1574800"/>
              <a:gd name="connsiteY3" fmla="*/ 1784351 h 1784351"/>
              <a:gd name="connsiteX4" fmla="*/ 792162 w 1574800"/>
              <a:gd name="connsiteY4" fmla="*/ 1772828 h 1784351"/>
              <a:gd name="connsiteX5" fmla="*/ 792162 w 1574800"/>
              <a:gd name="connsiteY5" fmla="*/ 1381026 h 1784351"/>
              <a:gd name="connsiteX6" fmla="*/ 821064 w 1574800"/>
              <a:gd name="connsiteY6" fmla="*/ 1354138 h 1784351"/>
              <a:gd name="connsiteX7" fmla="*/ 30840 w 1574800"/>
              <a:gd name="connsiteY7" fmla="*/ 1354138 h 1784351"/>
              <a:gd name="connsiteX8" fmla="*/ 755323 w 1574800"/>
              <a:gd name="connsiteY8" fmla="*/ 1354138 h 1784351"/>
              <a:gd name="connsiteX9" fmla="*/ 784225 w 1574800"/>
              <a:gd name="connsiteY9" fmla="*/ 1381026 h 1784351"/>
              <a:gd name="connsiteX10" fmla="*/ 784225 w 1574800"/>
              <a:gd name="connsiteY10" fmla="*/ 1772828 h 1784351"/>
              <a:gd name="connsiteX11" fmla="*/ 763030 w 1574800"/>
              <a:gd name="connsiteY11" fmla="*/ 1784351 h 1784351"/>
              <a:gd name="connsiteX12" fmla="*/ 26987 w 1574800"/>
              <a:gd name="connsiteY12" fmla="*/ 1361820 h 1784351"/>
              <a:gd name="connsiteX13" fmla="*/ 30840 w 1574800"/>
              <a:gd name="connsiteY13" fmla="*/ 1354138 h 1784351"/>
              <a:gd name="connsiteX14" fmla="*/ 788194 w 1574800"/>
              <a:gd name="connsiteY14" fmla="*/ 1336675 h 1784351"/>
              <a:gd name="connsiteX15" fmla="*/ 793977 w 1574800"/>
              <a:gd name="connsiteY15" fmla="*/ 1338629 h 1784351"/>
              <a:gd name="connsiteX16" fmla="*/ 801688 w 1574800"/>
              <a:gd name="connsiteY16" fmla="*/ 1350352 h 1784351"/>
              <a:gd name="connsiteX17" fmla="*/ 788194 w 1574800"/>
              <a:gd name="connsiteY17" fmla="*/ 1362075 h 1784351"/>
              <a:gd name="connsiteX18" fmla="*/ 774700 w 1574800"/>
              <a:gd name="connsiteY18" fmla="*/ 1350352 h 1784351"/>
              <a:gd name="connsiteX19" fmla="*/ 782411 w 1574800"/>
              <a:gd name="connsiteY19" fmla="*/ 1338629 h 1784351"/>
              <a:gd name="connsiteX20" fmla="*/ 788194 w 1574800"/>
              <a:gd name="connsiteY20" fmla="*/ 1336675 h 1784351"/>
              <a:gd name="connsiteX21" fmla="*/ 1171929 w 1574800"/>
              <a:gd name="connsiteY21" fmla="*/ 693738 h 1784351"/>
              <a:gd name="connsiteX22" fmla="*/ 1183481 w 1574800"/>
              <a:gd name="connsiteY22" fmla="*/ 697589 h 1784351"/>
              <a:gd name="connsiteX23" fmla="*/ 1196959 w 1574800"/>
              <a:gd name="connsiteY23" fmla="*/ 693738 h 1784351"/>
              <a:gd name="connsiteX24" fmla="*/ 1558925 w 1574800"/>
              <a:gd name="connsiteY24" fmla="*/ 1323431 h 1784351"/>
              <a:gd name="connsiteX25" fmla="*/ 1547373 w 1574800"/>
              <a:gd name="connsiteY25" fmla="*/ 1344613 h 1784351"/>
              <a:gd name="connsiteX26" fmla="*/ 819589 w 1574800"/>
              <a:gd name="connsiteY26" fmla="*/ 1344613 h 1784351"/>
              <a:gd name="connsiteX27" fmla="*/ 808037 w 1574800"/>
              <a:gd name="connsiteY27" fmla="*/ 1323431 h 1784351"/>
              <a:gd name="connsiteX28" fmla="*/ 1171929 w 1574800"/>
              <a:gd name="connsiteY28" fmla="*/ 693738 h 1784351"/>
              <a:gd name="connsiteX29" fmla="*/ 379253 w 1574800"/>
              <a:gd name="connsiteY29" fmla="*/ 693738 h 1784351"/>
              <a:gd name="connsiteX30" fmla="*/ 392737 w 1574800"/>
              <a:gd name="connsiteY30" fmla="*/ 697590 h 1784351"/>
              <a:gd name="connsiteX31" fmla="*/ 404294 w 1574800"/>
              <a:gd name="connsiteY31" fmla="*/ 693738 h 1784351"/>
              <a:gd name="connsiteX32" fmla="*/ 768350 w 1574800"/>
              <a:gd name="connsiteY32" fmla="*/ 1323431 h 1784351"/>
              <a:gd name="connsiteX33" fmla="*/ 754867 w 1574800"/>
              <a:gd name="connsiteY33" fmla="*/ 1344613 h 1784351"/>
              <a:gd name="connsiteX34" fmla="*/ 32533 w 1574800"/>
              <a:gd name="connsiteY34" fmla="*/ 1344613 h 1784351"/>
              <a:gd name="connsiteX35" fmla="*/ 32533 w 1574800"/>
              <a:gd name="connsiteY35" fmla="*/ 1342687 h 1784351"/>
              <a:gd name="connsiteX36" fmla="*/ 19050 w 1574800"/>
              <a:gd name="connsiteY36" fmla="*/ 1317654 h 1784351"/>
              <a:gd name="connsiteX37" fmla="*/ 379253 w 1574800"/>
              <a:gd name="connsiteY37" fmla="*/ 693738 h 1784351"/>
              <a:gd name="connsiteX38" fmla="*/ 424302 w 1574800"/>
              <a:gd name="connsiteY38" fmla="*/ 669925 h 1784351"/>
              <a:gd name="connsiteX39" fmla="*/ 1152086 w 1574800"/>
              <a:gd name="connsiteY39" fmla="*/ 669925 h 1784351"/>
              <a:gd name="connsiteX40" fmla="*/ 1163638 w 1574800"/>
              <a:gd name="connsiteY40" fmla="*/ 691056 h 1784351"/>
              <a:gd name="connsiteX41" fmla="*/ 799746 w 1574800"/>
              <a:gd name="connsiteY41" fmla="*/ 1319213 h 1784351"/>
              <a:gd name="connsiteX42" fmla="*/ 776642 w 1574800"/>
              <a:gd name="connsiteY42" fmla="*/ 1319213 h 1784351"/>
              <a:gd name="connsiteX43" fmla="*/ 412750 w 1574800"/>
              <a:gd name="connsiteY43" fmla="*/ 691056 h 1784351"/>
              <a:gd name="connsiteX44" fmla="*/ 424302 w 1574800"/>
              <a:gd name="connsiteY44" fmla="*/ 669925 h 1784351"/>
              <a:gd name="connsiteX45" fmla="*/ 1183298 w 1574800"/>
              <a:gd name="connsiteY45" fmla="*/ 652463 h 1784351"/>
              <a:gd name="connsiteX46" fmla="*/ 1195021 w 1574800"/>
              <a:gd name="connsiteY46" fmla="*/ 658246 h 1784351"/>
              <a:gd name="connsiteX47" fmla="*/ 1196975 w 1574800"/>
              <a:gd name="connsiteY47" fmla="*/ 665957 h 1784351"/>
              <a:gd name="connsiteX48" fmla="*/ 1191114 w 1574800"/>
              <a:gd name="connsiteY48" fmla="*/ 677523 h 1784351"/>
              <a:gd name="connsiteX49" fmla="*/ 1177437 w 1574800"/>
              <a:gd name="connsiteY49" fmla="*/ 677523 h 1784351"/>
              <a:gd name="connsiteX50" fmla="*/ 1171575 w 1574800"/>
              <a:gd name="connsiteY50" fmla="*/ 665957 h 1784351"/>
              <a:gd name="connsiteX51" fmla="*/ 1177437 w 1574800"/>
              <a:gd name="connsiteY51" fmla="*/ 654391 h 1784351"/>
              <a:gd name="connsiteX52" fmla="*/ 1183298 w 1574800"/>
              <a:gd name="connsiteY52" fmla="*/ 652463 h 1784351"/>
              <a:gd name="connsiteX53" fmla="*/ 393089 w 1574800"/>
              <a:gd name="connsiteY53" fmla="*/ 652463 h 1784351"/>
              <a:gd name="connsiteX54" fmla="*/ 398951 w 1574800"/>
              <a:gd name="connsiteY54" fmla="*/ 654391 h 1784351"/>
              <a:gd name="connsiteX55" fmla="*/ 404812 w 1574800"/>
              <a:gd name="connsiteY55" fmla="*/ 665957 h 1784351"/>
              <a:gd name="connsiteX56" fmla="*/ 398951 w 1574800"/>
              <a:gd name="connsiteY56" fmla="*/ 677524 h 1784351"/>
              <a:gd name="connsiteX57" fmla="*/ 385274 w 1574800"/>
              <a:gd name="connsiteY57" fmla="*/ 677524 h 1784351"/>
              <a:gd name="connsiteX58" fmla="*/ 379412 w 1574800"/>
              <a:gd name="connsiteY58" fmla="*/ 665957 h 1784351"/>
              <a:gd name="connsiteX59" fmla="*/ 381366 w 1574800"/>
              <a:gd name="connsiteY59" fmla="*/ 658246 h 1784351"/>
              <a:gd name="connsiteX60" fmla="*/ 393089 w 1574800"/>
              <a:gd name="connsiteY60" fmla="*/ 652463 h 1784351"/>
              <a:gd name="connsiteX61" fmla="*/ 1555535 w 1574800"/>
              <a:gd name="connsiteY61" fmla="*/ 457200 h 1784351"/>
              <a:gd name="connsiteX62" fmla="*/ 1574800 w 1574800"/>
              <a:gd name="connsiteY62" fmla="*/ 468745 h 1784351"/>
              <a:gd name="connsiteX63" fmla="*/ 1574800 w 1574800"/>
              <a:gd name="connsiteY63" fmla="*/ 1317289 h 1784351"/>
              <a:gd name="connsiteX64" fmla="*/ 1569021 w 1574800"/>
              <a:gd name="connsiteY64" fmla="*/ 1319213 h 1784351"/>
              <a:gd name="connsiteX65" fmla="*/ 1204912 w 1574800"/>
              <a:gd name="connsiteY65" fmla="*/ 690021 h 1784351"/>
              <a:gd name="connsiteX66" fmla="*/ 1216471 w 1574800"/>
              <a:gd name="connsiteY66" fmla="*/ 665007 h 1784351"/>
              <a:gd name="connsiteX67" fmla="*/ 1214545 w 1574800"/>
              <a:gd name="connsiteY67" fmla="*/ 653462 h 1784351"/>
              <a:gd name="connsiteX68" fmla="*/ 1555535 w 1574800"/>
              <a:gd name="connsiteY68" fmla="*/ 457200 h 1784351"/>
              <a:gd name="connsiteX69" fmla="*/ 21172 w 1574800"/>
              <a:gd name="connsiteY69" fmla="*/ 457200 h 1784351"/>
              <a:gd name="connsiteX70" fmla="*/ 361851 w 1574800"/>
              <a:gd name="connsiteY70" fmla="*/ 653407 h 1784351"/>
              <a:gd name="connsiteX71" fmla="*/ 359926 w 1574800"/>
              <a:gd name="connsiteY71" fmla="*/ 664948 h 1784351"/>
              <a:gd name="connsiteX72" fmla="*/ 371475 w 1574800"/>
              <a:gd name="connsiteY72" fmla="*/ 689955 h 1784351"/>
              <a:gd name="connsiteX73" fmla="*/ 11548 w 1574800"/>
              <a:gd name="connsiteY73" fmla="*/ 1311275 h 1784351"/>
              <a:gd name="connsiteX74" fmla="*/ 0 w 1574800"/>
              <a:gd name="connsiteY74" fmla="*/ 1309352 h 1784351"/>
              <a:gd name="connsiteX75" fmla="*/ 0 w 1574800"/>
              <a:gd name="connsiteY75" fmla="*/ 468742 h 1784351"/>
              <a:gd name="connsiteX76" fmla="*/ 21172 w 1574800"/>
              <a:gd name="connsiteY76" fmla="*/ 457200 h 1784351"/>
              <a:gd name="connsiteX77" fmla="*/ 776642 w 1574800"/>
              <a:gd name="connsiteY77" fmla="*/ 11113 h 1784351"/>
              <a:gd name="connsiteX78" fmla="*/ 788194 w 1574800"/>
              <a:gd name="connsiteY78" fmla="*/ 13035 h 1784351"/>
              <a:gd name="connsiteX79" fmla="*/ 799746 w 1574800"/>
              <a:gd name="connsiteY79" fmla="*/ 11113 h 1784351"/>
              <a:gd name="connsiteX80" fmla="*/ 1163638 w 1574800"/>
              <a:gd name="connsiteY80" fmla="*/ 639594 h 1784351"/>
              <a:gd name="connsiteX81" fmla="*/ 1152086 w 1574800"/>
              <a:gd name="connsiteY81" fmla="*/ 658813 h 1784351"/>
              <a:gd name="connsiteX82" fmla="*/ 424302 w 1574800"/>
              <a:gd name="connsiteY82" fmla="*/ 658813 h 1784351"/>
              <a:gd name="connsiteX83" fmla="*/ 412750 w 1574800"/>
              <a:gd name="connsiteY83" fmla="*/ 639594 h 1784351"/>
              <a:gd name="connsiteX84" fmla="*/ 776642 w 1574800"/>
              <a:gd name="connsiteY84" fmla="*/ 11113 h 1784351"/>
              <a:gd name="connsiteX85" fmla="*/ 813814 w 1574800"/>
              <a:gd name="connsiteY85" fmla="*/ 0 h 1784351"/>
              <a:gd name="connsiteX86" fmla="*/ 1549400 w 1574800"/>
              <a:gd name="connsiteY86" fmla="*/ 425194 h 1784351"/>
              <a:gd name="connsiteX87" fmla="*/ 1547475 w 1574800"/>
              <a:gd name="connsiteY87" fmla="*/ 436738 h 1784351"/>
              <a:gd name="connsiteX88" fmla="*/ 1549400 w 1574800"/>
              <a:gd name="connsiteY88" fmla="*/ 448282 h 1784351"/>
              <a:gd name="connsiteX89" fmla="*/ 1210491 w 1574800"/>
              <a:gd name="connsiteY89" fmla="*/ 644525 h 1784351"/>
              <a:gd name="connsiteX90" fmla="*/ 1183533 w 1574800"/>
              <a:gd name="connsiteY90" fmla="*/ 632981 h 1784351"/>
              <a:gd name="connsiteX91" fmla="*/ 1171979 w 1574800"/>
              <a:gd name="connsiteY91" fmla="*/ 634905 h 1784351"/>
              <a:gd name="connsiteX92" fmla="*/ 808037 w 1574800"/>
              <a:gd name="connsiteY92" fmla="*/ 5772 h 1784351"/>
              <a:gd name="connsiteX93" fmla="*/ 813814 w 1574800"/>
              <a:gd name="connsiteY93" fmla="*/ 0 h 1784351"/>
              <a:gd name="connsiteX94" fmla="*/ 762573 w 1574800"/>
              <a:gd name="connsiteY94" fmla="*/ 0 h 1784351"/>
              <a:gd name="connsiteX95" fmla="*/ 768350 w 1574800"/>
              <a:gd name="connsiteY95" fmla="*/ 5772 h 1784351"/>
              <a:gd name="connsiteX96" fmla="*/ 404408 w 1574800"/>
              <a:gd name="connsiteY96" fmla="*/ 634906 h 1784351"/>
              <a:gd name="connsiteX97" fmla="*/ 365896 w 1574800"/>
              <a:gd name="connsiteY97" fmla="*/ 644525 h 1784351"/>
              <a:gd name="connsiteX98" fmla="*/ 26987 w 1574800"/>
              <a:gd name="connsiteY98" fmla="*/ 448282 h 1784351"/>
              <a:gd name="connsiteX99" fmla="*/ 28912 w 1574800"/>
              <a:gd name="connsiteY99" fmla="*/ 436738 h 1784351"/>
              <a:gd name="connsiteX100" fmla="*/ 26987 w 1574800"/>
              <a:gd name="connsiteY100" fmla="*/ 425194 h 1784351"/>
              <a:gd name="connsiteX101" fmla="*/ 762573 w 1574800"/>
              <a:gd name="connsiteY101" fmla="*/ 0 h 17843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</a:cxnLst>
            <a:rect l="l" t="t" r="r" b="b"/>
            <a:pathLst>
              <a:path w="1574800" h="1784351">
                <a:moveTo>
                  <a:pt x="821064" y="1354138"/>
                </a:moveTo>
                <a:cubicBezTo>
                  <a:pt x="821064" y="1354138"/>
                  <a:pt x="821064" y="1354138"/>
                  <a:pt x="1547473" y="1354138"/>
                </a:cubicBezTo>
                <a:cubicBezTo>
                  <a:pt x="1547473" y="1356059"/>
                  <a:pt x="1549400" y="1359900"/>
                  <a:pt x="1549400" y="1361820"/>
                </a:cubicBezTo>
                <a:cubicBezTo>
                  <a:pt x="1549400" y="1361820"/>
                  <a:pt x="1549400" y="1361820"/>
                  <a:pt x="813357" y="1784351"/>
                </a:cubicBezTo>
                <a:cubicBezTo>
                  <a:pt x="807577" y="1778589"/>
                  <a:pt x="801796" y="1774748"/>
                  <a:pt x="792162" y="1772828"/>
                </a:cubicBezTo>
                <a:cubicBezTo>
                  <a:pt x="792162" y="1772828"/>
                  <a:pt x="792162" y="1772828"/>
                  <a:pt x="792162" y="1381026"/>
                </a:cubicBezTo>
                <a:cubicBezTo>
                  <a:pt x="807577" y="1379106"/>
                  <a:pt x="819138" y="1367582"/>
                  <a:pt x="821064" y="1354138"/>
                </a:cubicBezTo>
                <a:close/>
                <a:moveTo>
                  <a:pt x="30840" y="1354138"/>
                </a:moveTo>
                <a:cubicBezTo>
                  <a:pt x="30840" y="1354138"/>
                  <a:pt x="30840" y="1354138"/>
                  <a:pt x="755323" y="1354138"/>
                </a:cubicBezTo>
                <a:cubicBezTo>
                  <a:pt x="757250" y="1367582"/>
                  <a:pt x="768811" y="1379106"/>
                  <a:pt x="784225" y="1381026"/>
                </a:cubicBezTo>
                <a:cubicBezTo>
                  <a:pt x="784225" y="1381026"/>
                  <a:pt x="784225" y="1381026"/>
                  <a:pt x="784225" y="1772828"/>
                </a:cubicBezTo>
                <a:cubicBezTo>
                  <a:pt x="774591" y="1774748"/>
                  <a:pt x="766884" y="1778589"/>
                  <a:pt x="763030" y="1784351"/>
                </a:cubicBezTo>
                <a:cubicBezTo>
                  <a:pt x="763030" y="1784351"/>
                  <a:pt x="763030" y="1784351"/>
                  <a:pt x="26987" y="1361820"/>
                </a:cubicBezTo>
                <a:cubicBezTo>
                  <a:pt x="28914" y="1359900"/>
                  <a:pt x="28914" y="1356059"/>
                  <a:pt x="30840" y="1354138"/>
                </a:cubicBezTo>
                <a:close/>
                <a:moveTo>
                  <a:pt x="788194" y="1336675"/>
                </a:moveTo>
                <a:cubicBezTo>
                  <a:pt x="790122" y="1336675"/>
                  <a:pt x="792050" y="1336675"/>
                  <a:pt x="793977" y="1338629"/>
                </a:cubicBezTo>
                <a:cubicBezTo>
                  <a:pt x="797833" y="1340583"/>
                  <a:pt x="801688" y="1344490"/>
                  <a:pt x="801688" y="1350352"/>
                </a:cubicBezTo>
                <a:cubicBezTo>
                  <a:pt x="801688" y="1356214"/>
                  <a:pt x="795905" y="1362075"/>
                  <a:pt x="788194" y="1362075"/>
                </a:cubicBezTo>
                <a:cubicBezTo>
                  <a:pt x="780483" y="1362075"/>
                  <a:pt x="774700" y="1356214"/>
                  <a:pt x="774700" y="1350352"/>
                </a:cubicBezTo>
                <a:cubicBezTo>
                  <a:pt x="774700" y="1344490"/>
                  <a:pt x="776628" y="1340583"/>
                  <a:pt x="782411" y="1338629"/>
                </a:cubicBezTo>
                <a:cubicBezTo>
                  <a:pt x="784339" y="1336675"/>
                  <a:pt x="786267" y="1336675"/>
                  <a:pt x="788194" y="1336675"/>
                </a:cubicBezTo>
                <a:close/>
                <a:moveTo>
                  <a:pt x="1171929" y="693738"/>
                </a:moveTo>
                <a:cubicBezTo>
                  <a:pt x="1175780" y="695664"/>
                  <a:pt x="1179631" y="697589"/>
                  <a:pt x="1183481" y="697589"/>
                </a:cubicBezTo>
                <a:cubicBezTo>
                  <a:pt x="1189257" y="697589"/>
                  <a:pt x="1193108" y="695664"/>
                  <a:pt x="1196959" y="693738"/>
                </a:cubicBezTo>
                <a:cubicBezTo>
                  <a:pt x="1196959" y="693738"/>
                  <a:pt x="1196959" y="693738"/>
                  <a:pt x="1558925" y="1323431"/>
                </a:cubicBezTo>
                <a:cubicBezTo>
                  <a:pt x="1553149" y="1329208"/>
                  <a:pt x="1549298" y="1336910"/>
                  <a:pt x="1547373" y="1344613"/>
                </a:cubicBezTo>
                <a:cubicBezTo>
                  <a:pt x="1547373" y="1344613"/>
                  <a:pt x="1547373" y="1344613"/>
                  <a:pt x="819589" y="1344613"/>
                </a:cubicBezTo>
                <a:cubicBezTo>
                  <a:pt x="819589" y="1336910"/>
                  <a:pt x="815739" y="1329208"/>
                  <a:pt x="808037" y="1323431"/>
                </a:cubicBezTo>
                <a:cubicBezTo>
                  <a:pt x="808037" y="1323431"/>
                  <a:pt x="808037" y="1323431"/>
                  <a:pt x="1171929" y="693738"/>
                </a:cubicBezTo>
                <a:close/>
                <a:moveTo>
                  <a:pt x="379253" y="693738"/>
                </a:moveTo>
                <a:cubicBezTo>
                  <a:pt x="383106" y="695664"/>
                  <a:pt x="386958" y="697590"/>
                  <a:pt x="392737" y="697590"/>
                </a:cubicBezTo>
                <a:cubicBezTo>
                  <a:pt x="396590" y="697590"/>
                  <a:pt x="400442" y="695664"/>
                  <a:pt x="404294" y="693738"/>
                </a:cubicBezTo>
                <a:cubicBezTo>
                  <a:pt x="404294" y="693738"/>
                  <a:pt x="404294" y="693738"/>
                  <a:pt x="768350" y="1323431"/>
                </a:cubicBezTo>
                <a:cubicBezTo>
                  <a:pt x="760645" y="1329208"/>
                  <a:pt x="756793" y="1336910"/>
                  <a:pt x="754867" y="1344613"/>
                </a:cubicBezTo>
                <a:cubicBezTo>
                  <a:pt x="754867" y="1344613"/>
                  <a:pt x="754867" y="1344613"/>
                  <a:pt x="32533" y="1344613"/>
                </a:cubicBezTo>
                <a:cubicBezTo>
                  <a:pt x="32533" y="1344613"/>
                  <a:pt x="32533" y="1342687"/>
                  <a:pt x="32533" y="1342687"/>
                </a:cubicBezTo>
                <a:cubicBezTo>
                  <a:pt x="32533" y="1333059"/>
                  <a:pt x="26755" y="1323431"/>
                  <a:pt x="19050" y="1317654"/>
                </a:cubicBezTo>
                <a:cubicBezTo>
                  <a:pt x="19050" y="1317654"/>
                  <a:pt x="19050" y="1317654"/>
                  <a:pt x="379253" y="693738"/>
                </a:cubicBezTo>
                <a:close/>
                <a:moveTo>
                  <a:pt x="424302" y="669925"/>
                </a:moveTo>
                <a:cubicBezTo>
                  <a:pt x="424302" y="669925"/>
                  <a:pt x="424302" y="669925"/>
                  <a:pt x="1152086" y="669925"/>
                </a:cubicBezTo>
                <a:cubicBezTo>
                  <a:pt x="1152086" y="677609"/>
                  <a:pt x="1157862" y="685293"/>
                  <a:pt x="1163638" y="691056"/>
                </a:cubicBezTo>
                <a:cubicBezTo>
                  <a:pt x="1163638" y="691056"/>
                  <a:pt x="1163638" y="691056"/>
                  <a:pt x="799746" y="1319213"/>
                </a:cubicBezTo>
                <a:cubicBezTo>
                  <a:pt x="792045" y="1315371"/>
                  <a:pt x="784344" y="1315371"/>
                  <a:pt x="776642" y="1319213"/>
                </a:cubicBezTo>
                <a:cubicBezTo>
                  <a:pt x="776642" y="1319213"/>
                  <a:pt x="776642" y="1319213"/>
                  <a:pt x="412750" y="691056"/>
                </a:cubicBezTo>
                <a:cubicBezTo>
                  <a:pt x="418526" y="685293"/>
                  <a:pt x="422377" y="677609"/>
                  <a:pt x="424302" y="669925"/>
                </a:cubicBezTo>
                <a:close/>
                <a:moveTo>
                  <a:pt x="1183298" y="652463"/>
                </a:moveTo>
                <a:cubicBezTo>
                  <a:pt x="1189160" y="652463"/>
                  <a:pt x="1193068" y="654391"/>
                  <a:pt x="1195021" y="658246"/>
                </a:cubicBezTo>
                <a:cubicBezTo>
                  <a:pt x="1196975" y="660174"/>
                  <a:pt x="1196975" y="664029"/>
                  <a:pt x="1196975" y="665957"/>
                </a:cubicBezTo>
                <a:cubicBezTo>
                  <a:pt x="1196975" y="669812"/>
                  <a:pt x="1195021" y="675596"/>
                  <a:pt x="1191114" y="677523"/>
                </a:cubicBezTo>
                <a:cubicBezTo>
                  <a:pt x="1187206" y="679451"/>
                  <a:pt x="1181344" y="679451"/>
                  <a:pt x="1177437" y="677523"/>
                </a:cubicBezTo>
                <a:cubicBezTo>
                  <a:pt x="1173529" y="673668"/>
                  <a:pt x="1171575" y="669812"/>
                  <a:pt x="1171575" y="665957"/>
                </a:cubicBezTo>
                <a:cubicBezTo>
                  <a:pt x="1171575" y="660174"/>
                  <a:pt x="1173529" y="656318"/>
                  <a:pt x="1177437" y="654391"/>
                </a:cubicBezTo>
                <a:cubicBezTo>
                  <a:pt x="1179391" y="652463"/>
                  <a:pt x="1181344" y="652463"/>
                  <a:pt x="1183298" y="652463"/>
                </a:cubicBezTo>
                <a:close/>
                <a:moveTo>
                  <a:pt x="393089" y="652463"/>
                </a:moveTo>
                <a:cubicBezTo>
                  <a:pt x="395043" y="652463"/>
                  <a:pt x="396997" y="652463"/>
                  <a:pt x="398951" y="654391"/>
                </a:cubicBezTo>
                <a:cubicBezTo>
                  <a:pt x="402858" y="656319"/>
                  <a:pt x="404812" y="660174"/>
                  <a:pt x="404812" y="665957"/>
                </a:cubicBezTo>
                <a:cubicBezTo>
                  <a:pt x="404812" y="669813"/>
                  <a:pt x="402858" y="673668"/>
                  <a:pt x="398951" y="677524"/>
                </a:cubicBezTo>
                <a:cubicBezTo>
                  <a:pt x="395043" y="679451"/>
                  <a:pt x="389181" y="679451"/>
                  <a:pt x="385274" y="677524"/>
                </a:cubicBezTo>
                <a:cubicBezTo>
                  <a:pt x="381366" y="673668"/>
                  <a:pt x="379412" y="669813"/>
                  <a:pt x="379412" y="665957"/>
                </a:cubicBezTo>
                <a:cubicBezTo>
                  <a:pt x="379412" y="664030"/>
                  <a:pt x="379412" y="660174"/>
                  <a:pt x="381366" y="658246"/>
                </a:cubicBezTo>
                <a:cubicBezTo>
                  <a:pt x="383320" y="654391"/>
                  <a:pt x="387228" y="652463"/>
                  <a:pt x="393089" y="652463"/>
                </a:cubicBezTo>
                <a:close/>
                <a:moveTo>
                  <a:pt x="1555535" y="457200"/>
                </a:moveTo>
                <a:cubicBezTo>
                  <a:pt x="1559388" y="462973"/>
                  <a:pt x="1567094" y="466821"/>
                  <a:pt x="1574800" y="468745"/>
                </a:cubicBezTo>
                <a:cubicBezTo>
                  <a:pt x="1574800" y="468745"/>
                  <a:pt x="1574800" y="468745"/>
                  <a:pt x="1574800" y="1317289"/>
                </a:cubicBezTo>
                <a:cubicBezTo>
                  <a:pt x="1572874" y="1317289"/>
                  <a:pt x="1570947" y="1319213"/>
                  <a:pt x="1569021" y="1319213"/>
                </a:cubicBezTo>
                <a:cubicBezTo>
                  <a:pt x="1569021" y="1319213"/>
                  <a:pt x="1569021" y="1319213"/>
                  <a:pt x="1204912" y="690021"/>
                </a:cubicBezTo>
                <a:cubicBezTo>
                  <a:pt x="1212618" y="684248"/>
                  <a:pt x="1216471" y="674628"/>
                  <a:pt x="1216471" y="665007"/>
                </a:cubicBezTo>
                <a:cubicBezTo>
                  <a:pt x="1216471" y="661159"/>
                  <a:pt x="1216471" y="657310"/>
                  <a:pt x="1214545" y="653462"/>
                </a:cubicBezTo>
                <a:cubicBezTo>
                  <a:pt x="1214545" y="653462"/>
                  <a:pt x="1214545" y="653462"/>
                  <a:pt x="1555535" y="457200"/>
                </a:cubicBezTo>
                <a:close/>
                <a:moveTo>
                  <a:pt x="21172" y="457200"/>
                </a:moveTo>
                <a:cubicBezTo>
                  <a:pt x="21172" y="457200"/>
                  <a:pt x="21172" y="457200"/>
                  <a:pt x="361851" y="653407"/>
                </a:cubicBezTo>
                <a:cubicBezTo>
                  <a:pt x="359926" y="657254"/>
                  <a:pt x="359926" y="661101"/>
                  <a:pt x="359926" y="664948"/>
                </a:cubicBezTo>
                <a:cubicBezTo>
                  <a:pt x="359926" y="674566"/>
                  <a:pt x="363776" y="684184"/>
                  <a:pt x="371475" y="689955"/>
                </a:cubicBezTo>
                <a:cubicBezTo>
                  <a:pt x="371475" y="689955"/>
                  <a:pt x="371475" y="689955"/>
                  <a:pt x="11548" y="1311275"/>
                </a:cubicBezTo>
                <a:cubicBezTo>
                  <a:pt x="9623" y="1311275"/>
                  <a:pt x="3849" y="1309352"/>
                  <a:pt x="0" y="1309352"/>
                </a:cubicBezTo>
                <a:cubicBezTo>
                  <a:pt x="0" y="1309352"/>
                  <a:pt x="0" y="1309352"/>
                  <a:pt x="0" y="468742"/>
                </a:cubicBezTo>
                <a:cubicBezTo>
                  <a:pt x="9623" y="466818"/>
                  <a:pt x="17322" y="462971"/>
                  <a:pt x="21172" y="457200"/>
                </a:cubicBezTo>
                <a:close/>
                <a:moveTo>
                  <a:pt x="776642" y="11113"/>
                </a:moveTo>
                <a:cubicBezTo>
                  <a:pt x="780493" y="11113"/>
                  <a:pt x="784344" y="13035"/>
                  <a:pt x="788194" y="13035"/>
                </a:cubicBezTo>
                <a:cubicBezTo>
                  <a:pt x="792045" y="13035"/>
                  <a:pt x="795896" y="11113"/>
                  <a:pt x="799746" y="11113"/>
                </a:cubicBezTo>
                <a:cubicBezTo>
                  <a:pt x="799746" y="11113"/>
                  <a:pt x="799746" y="11113"/>
                  <a:pt x="1163638" y="639594"/>
                </a:cubicBezTo>
                <a:cubicBezTo>
                  <a:pt x="1157862" y="643437"/>
                  <a:pt x="1152086" y="651125"/>
                  <a:pt x="1152086" y="658813"/>
                </a:cubicBezTo>
                <a:cubicBezTo>
                  <a:pt x="1152086" y="658813"/>
                  <a:pt x="1152086" y="658813"/>
                  <a:pt x="424302" y="658813"/>
                </a:cubicBezTo>
                <a:cubicBezTo>
                  <a:pt x="422377" y="651125"/>
                  <a:pt x="418526" y="643437"/>
                  <a:pt x="412750" y="639594"/>
                </a:cubicBezTo>
                <a:cubicBezTo>
                  <a:pt x="412750" y="639594"/>
                  <a:pt x="412750" y="639594"/>
                  <a:pt x="776642" y="11113"/>
                </a:cubicBezTo>
                <a:close/>
                <a:moveTo>
                  <a:pt x="813814" y="0"/>
                </a:moveTo>
                <a:cubicBezTo>
                  <a:pt x="813814" y="0"/>
                  <a:pt x="813814" y="0"/>
                  <a:pt x="1549400" y="425194"/>
                </a:cubicBezTo>
                <a:cubicBezTo>
                  <a:pt x="1547475" y="429042"/>
                  <a:pt x="1547475" y="432890"/>
                  <a:pt x="1547475" y="436738"/>
                </a:cubicBezTo>
                <a:cubicBezTo>
                  <a:pt x="1547475" y="440586"/>
                  <a:pt x="1547475" y="444434"/>
                  <a:pt x="1549400" y="448282"/>
                </a:cubicBezTo>
                <a:cubicBezTo>
                  <a:pt x="1549400" y="448282"/>
                  <a:pt x="1549400" y="448282"/>
                  <a:pt x="1210491" y="644525"/>
                </a:cubicBezTo>
                <a:cubicBezTo>
                  <a:pt x="1202789" y="636829"/>
                  <a:pt x="1195086" y="632981"/>
                  <a:pt x="1183533" y="632981"/>
                </a:cubicBezTo>
                <a:cubicBezTo>
                  <a:pt x="1179682" y="632981"/>
                  <a:pt x="1175830" y="632981"/>
                  <a:pt x="1171979" y="634905"/>
                </a:cubicBezTo>
                <a:cubicBezTo>
                  <a:pt x="1171979" y="634905"/>
                  <a:pt x="1171979" y="634905"/>
                  <a:pt x="808037" y="5772"/>
                </a:cubicBezTo>
                <a:cubicBezTo>
                  <a:pt x="809963" y="3848"/>
                  <a:pt x="811888" y="1924"/>
                  <a:pt x="813814" y="0"/>
                </a:cubicBezTo>
                <a:close/>
                <a:moveTo>
                  <a:pt x="762573" y="0"/>
                </a:moveTo>
                <a:cubicBezTo>
                  <a:pt x="764499" y="1924"/>
                  <a:pt x="766425" y="3848"/>
                  <a:pt x="768350" y="5772"/>
                </a:cubicBezTo>
                <a:cubicBezTo>
                  <a:pt x="768350" y="5772"/>
                  <a:pt x="768350" y="5772"/>
                  <a:pt x="404408" y="634906"/>
                </a:cubicBezTo>
                <a:cubicBezTo>
                  <a:pt x="390929" y="631057"/>
                  <a:pt x="375524" y="634906"/>
                  <a:pt x="365896" y="644525"/>
                </a:cubicBezTo>
                <a:cubicBezTo>
                  <a:pt x="365896" y="644525"/>
                  <a:pt x="365896" y="644525"/>
                  <a:pt x="26987" y="448282"/>
                </a:cubicBezTo>
                <a:cubicBezTo>
                  <a:pt x="26987" y="444434"/>
                  <a:pt x="28912" y="440586"/>
                  <a:pt x="28912" y="436738"/>
                </a:cubicBezTo>
                <a:cubicBezTo>
                  <a:pt x="28912" y="432890"/>
                  <a:pt x="26987" y="429042"/>
                  <a:pt x="26987" y="425194"/>
                </a:cubicBezTo>
                <a:cubicBezTo>
                  <a:pt x="26987" y="425194"/>
                  <a:pt x="26987" y="425194"/>
                  <a:pt x="762573" y="0"/>
                </a:cubicBezTo>
                <a:close/>
              </a:path>
            </a:pathLst>
          </a:custGeom>
          <a:noFill/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411093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r>
              <a:rPr lang="en-US"/>
              <a:t>SSG ADVISORS</a:t>
            </a:r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04613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0"/>
          </p:nvPr>
        </p:nvSpPr>
        <p:spPr>
          <a:xfrm>
            <a:off x="6146800" y="2180168"/>
            <a:ext cx="6045200" cy="2785533"/>
          </a:xfrm>
          <a:prstGeom prst="rect">
            <a:avLst/>
          </a:prstGeom>
        </p:spPr>
        <p:txBody>
          <a:bodyPr/>
          <a:lstStyle/>
          <a:p>
            <a:pPr lvl="0"/>
            <a:endParaRPr lang="en-US" noProof="0">
              <a:sym typeface="Helvetica" charset="0"/>
            </a:endParaRPr>
          </a:p>
        </p:txBody>
      </p:sp>
      <p:sp>
        <p:nvSpPr>
          <p:cNvPr id="2" name="Rectangle 1"/>
          <p:cNvSpPr/>
          <p:nvPr userDrawn="1"/>
        </p:nvSpPr>
        <p:spPr>
          <a:xfrm>
            <a:off x="614363" y="6357938"/>
            <a:ext cx="2200275" cy="2571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814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r>
              <a:rPr lang="en-US"/>
              <a:t>SSG ADVISOR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Rectangle 1"/>
          <p:cNvSpPr/>
          <p:nvPr userDrawn="1"/>
        </p:nvSpPr>
        <p:spPr>
          <a:xfrm>
            <a:off x="528638" y="6356350"/>
            <a:ext cx="2300287" cy="2444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807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&amp;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349617" y="135554"/>
            <a:ext cx="10527933" cy="727715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 hasCustomPrompt="1"/>
          </p:nvPr>
        </p:nvSpPr>
        <p:spPr>
          <a:xfrm>
            <a:off x="349616" y="869950"/>
            <a:ext cx="10527237" cy="39998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>
              <a:lnSpc>
                <a:spcPts val="2000"/>
              </a:lnSpc>
              <a:defRPr sz="2000">
                <a:solidFill>
                  <a:srgbClr val="505050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12403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67228" y="2305877"/>
            <a:ext cx="10515600" cy="387108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FBFD2D1-7D60-41BA-85CE-D36C477117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84429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61455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43755" y="2002631"/>
            <a:ext cx="7110046" cy="2852737"/>
          </a:xfrm>
        </p:spPr>
        <p:txBody>
          <a:bodyPr anchor="ctr" anchorCtr="0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A3FF1DA-1BF5-4427-9A9D-799AD366CBD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4696" t="9178" r="-2718" b="9178"/>
          <a:stretch/>
        </p:blipFill>
        <p:spPr>
          <a:xfrm>
            <a:off x="0" y="0"/>
            <a:ext cx="40386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8617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0032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6676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958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B9FC3F4-F23E-4206-B7E8-641453FF57F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64552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89066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64430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67228" y="365125"/>
            <a:ext cx="10515600" cy="1256411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7228" y="2005781"/>
            <a:ext cx="10515600" cy="4171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25A95A6-2600-FE47-805C-44CCE6C0E774}" type="datetimeFigureOut">
              <a:rPr lang="en-US" smtClean="0"/>
              <a:t>4/16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33C5F6C-AED3-431E-BDCB-41E1F7EF6CA8}"/>
              </a:ext>
            </a:extLst>
          </p:cNvPr>
          <p:cNvSpPr/>
          <p:nvPr userDrawn="1"/>
        </p:nvSpPr>
        <p:spPr>
          <a:xfrm>
            <a:off x="979714" y="-19120"/>
            <a:ext cx="10232572" cy="20485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0942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9" r:id="rId1"/>
    <p:sldLayoutId id="2147483880" r:id="rId2"/>
    <p:sldLayoutId id="2147483930" r:id="rId3"/>
    <p:sldLayoutId id="2147483881" r:id="rId4"/>
    <p:sldLayoutId id="2147483882" r:id="rId5"/>
    <p:sldLayoutId id="2147483883" r:id="rId6"/>
    <p:sldLayoutId id="2147483884" r:id="rId7"/>
    <p:sldLayoutId id="2147483929" r:id="rId8"/>
    <p:sldLayoutId id="2147483885" r:id="rId9"/>
    <p:sldLayoutId id="2147483886" r:id="rId10"/>
    <p:sldLayoutId id="2147483887" r:id="rId11"/>
    <p:sldLayoutId id="2147483888" r:id="rId12"/>
    <p:sldLayoutId id="2147483889" r:id="rId13"/>
    <p:sldLayoutId id="2147483890" r:id="rId14"/>
    <p:sldLayoutId id="2147483891" r:id="rId15"/>
    <p:sldLayoutId id="2147483892" r:id="rId16"/>
    <p:sldLayoutId id="2147483893" r:id="rId17"/>
    <p:sldLayoutId id="2147483895" r:id="rId18"/>
    <p:sldLayoutId id="2147483896" r:id="rId19"/>
    <p:sldLayoutId id="2147483897" r:id="rId20"/>
    <p:sldLayoutId id="2147483898" r:id="rId21"/>
    <p:sldLayoutId id="2147483899" r:id="rId22"/>
    <p:sldLayoutId id="2147483926" r:id="rId23"/>
    <p:sldLayoutId id="2147483928" r:id="rId24"/>
    <p:sldLayoutId id="2147483858" r:id="rId25"/>
    <p:sldLayoutId id="2147483877" r:id="rId2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3.xml"/><Relationship Id="rId5" Type="http://schemas.openxmlformats.org/officeDocument/2006/relationships/image" Target="../media/image3.png"/><Relationship Id="rId4" Type="http://schemas.openxmlformats.org/officeDocument/2006/relationships/image" Target="../media/image1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3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mailto:jbernard@resonanceglobal.com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50" y="-46496"/>
            <a:ext cx="12184099" cy="3801439"/>
          </a:xfrm>
          <a:prstGeom prst="rect">
            <a:avLst/>
          </a:prstGeom>
        </p:spPr>
      </p:pic>
      <p:sp>
        <p:nvSpPr>
          <p:cNvPr id="4" name="Dodecagon 3"/>
          <p:cNvSpPr/>
          <p:nvPr/>
        </p:nvSpPr>
        <p:spPr>
          <a:xfrm>
            <a:off x="4574492" y="1541928"/>
            <a:ext cx="3052198" cy="3052198"/>
          </a:xfrm>
          <a:prstGeom prst="dodecagon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 Box 7"/>
          <p:cNvSpPr txBox="1">
            <a:spLocks noChangeArrowheads="1"/>
          </p:cNvSpPr>
          <p:nvPr/>
        </p:nvSpPr>
        <p:spPr bwMode="auto">
          <a:xfrm>
            <a:off x="2143197" y="4576198"/>
            <a:ext cx="7905690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0960" tIns="30480" rIns="60960" bIns="30480">
            <a:spAutoFit/>
          </a:bodyPr>
          <a:lstStyle/>
          <a:p>
            <a:pPr algn="ctr" defTabSz="1450904"/>
            <a:r>
              <a:rPr lang="en-CA" sz="4400" dirty="0">
                <a:solidFill>
                  <a:schemeClr val="tx2"/>
                </a:solidFill>
                <a:latin typeface="Cambria" charset="0"/>
                <a:ea typeface="Cambria" charset="0"/>
                <a:cs typeface="Cambria" charset="0"/>
              </a:rPr>
              <a:t>OpenLMIS Sustainability Update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5791" y="1646815"/>
            <a:ext cx="2812840" cy="2812840"/>
          </a:xfrm>
          <a:prstGeom prst="rect">
            <a:avLst/>
          </a:prstGeom>
        </p:spPr>
      </p:pic>
      <p:sp>
        <p:nvSpPr>
          <p:cNvPr id="13" name="Subtitle 2"/>
          <p:cNvSpPr txBox="1">
            <a:spLocks/>
          </p:cNvSpPr>
          <p:nvPr/>
        </p:nvSpPr>
        <p:spPr>
          <a:xfrm>
            <a:off x="2641861" y="5308293"/>
            <a:ext cx="6908276" cy="335270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1600" b="1" spc="300" dirty="0">
                <a:solidFill>
                  <a:schemeClr val="accent3"/>
                </a:solidFill>
                <a:latin typeface="Calibri" charset="0"/>
                <a:ea typeface="Calibri" charset="0"/>
                <a:cs typeface="Calibri" charset="0"/>
              </a:rPr>
              <a:t>April 16, 2019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D0B460A-C92E-B04B-A451-9362BDCE085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17207" y="6136055"/>
            <a:ext cx="2709483" cy="516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76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5" name="Shape 1325"/>
          <p:cNvSpPr txBox="1">
            <a:spLocks noGrp="1"/>
          </p:cNvSpPr>
          <p:nvPr>
            <p:ph type="title"/>
          </p:nvPr>
        </p:nvSpPr>
        <p:spPr>
          <a:xfrm>
            <a:off x="0" y="0"/>
            <a:ext cx="3437623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42900" algn="ctr" rtl="0">
              <a:spcBef>
                <a:spcPts val="0"/>
              </a:spcBef>
              <a:buClr>
                <a:schemeClr val="dk1"/>
              </a:buClr>
              <a:buSzPct val="100000"/>
              <a:buFont typeface="Calibri"/>
              <a:buNone/>
            </a:pPr>
            <a:r>
              <a:rPr lang="en-US" sz="5400" b="0" i="0" u="none" strike="noStrike" cap="none">
                <a:latin typeface="Cambria" charset="0"/>
                <a:ea typeface="Cambria" charset="0"/>
                <a:cs typeface="Cambria" charset="0"/>
                <a:sym typeface="Calibri"/>
              </a:rPr>
              <a:t>Agenda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CDFA5F6-BEAD-4ACB-BD54-68C37CFC7AAE}"/>
              </a:ext>
            </a:extLst>
          </p:cNvPr>
          <p:cNvSpPr/>
          <p:nvPr/>
        </p:nvSpPr>
        <p:spPr>
          <a:xfrm>
            <a:off x="3339548" y="0"/>
            <a:ext cx="892225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EC33C70-698E-49B6-9F40-DF2ECD3BC725}"/>
              </a:ext>
            </a:extLst>
          </p:cNvPr>
          <p:cNvSpPr txBox="1"/>
          <p:nvPr/>
        </p:nvSpPr>
        <p:spPr>
          <a:xfrm>
            <a:off x="4273823" y="2505670"/>
            <a:ext cx="7053702" cy="227754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imeline Update</a:t>
            </a:r>
          </a:p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Key Dates</a:t>
            </a:r>
          </a:p>
          <a:p>
            <a:pPr marL="630238" indent="-630238">
              <a:spcAft>
                <a:spcPts val="1800"/>
              </a:spcAft>
              <a:buFont typeface="Wingdings" panose="05000000000000000000" pitchFamily="2" charset="2"/>
              <a:buChar char="q"/>
              <a:tabLst>
                <a:tab pos="2624138" algn="r"/>
                <a:tab pos="3140075" algn="l"/>
              </a:tabLst>
            </a:pPr>
            <a:r>
              <a:rPr lang="en-US" sz="28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Governance Committee Webinar Overview	</a:t>
            </a:r>
          </a:p>
        </p:txBody>
      </p:sp>
    </p:spTree>
    <p:extLst>
      <p:ext uri="{BB962C8B-B14F-4D97-AF65-F5344CB8AC3E}">
        <p14:creationId xmlns:p14="http://schemas.microsoft.com/office/powerpoint/2010/main" val="4162015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5D4A85A7-6E52-4386-990B-B6426E7FEE26}"/>
              </a:ext>
            </a:extLst>
          </p:cNvPr>
          <p:cNvCxnSpPr>
            <a:cxnSpLocks/>
          </p:cNvCxnSpPr>
          <p:nvPr/>
        </p:nvCxnSpPr>
        <p:spPr>
          <a:xfrm>
            <a:off x="3307196" y="2470514"/>
            <a:ext cx="0" cy="1644593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line Updates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E543B10A-17B6-4353-982F-1E9BB840607A}"/>
              </a:ext>
            </a:extLst>
          </p:cNvPr>
          <p:cNvCxnSpPr>
            <a:cxnSpLocks/>
          </p:cNvCxnSpPr>
          <p:nvPr/>
        </p:nvCxnSpPr>
        <p:spPr>
          <a:xfrm>
            <a:off x="1793360" y="2466968"/>
            <a:ext cx="0" cy="933558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A23EB367-5CCE-4791-9D62-7298170AE8B2}"/>
              </a:ext>
            </a:extLst>
          </p:cNvPr>
          <p:cNvCxnSpPr>
            <a:cxnSpLocks/>
          </p:cNvCxnSpPr>
          <p:nvPr/>
        </p:nvCxnSpPr>
        <p:spPr>
          <a:xfrm>
            <a:off x="10289741" y="2492808"/>
            <a:ext cx="0" cy="1632347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4C10E80-4D84-4D64-B41E-79F80DABBBF3}"/>
              </a:ext>
            </a:extLst>
          </p:cNvPr>
          <p:cNvCxnSpPr>
            <a:cxnSpLocks/>
          </p:cNvCxnSpPr>
          <p:nvPr/>
        </p:nvCxnSpPr>
        <p:spPr>
          <a:xfrm>
            <a:off x="7143375" y="2417460"/>
            <a:ext cx="0" cy="1772772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2A47091E-8BB0-434F-8295-F520DCD0AF8A}"/>
              </a:ext>
            </a:extLst>
          </p:cNvPr>
          <p:cNvCxnSpPr>
            <a:cxnSpLocks/>
          </p:cNvCxnSpPr>
          <p:nvPr/>
        </p:nvCxnSpPr>
        <p:spPr>
          <a:xfrm>
            <a:off x="5473023" y="2322007"/>
            <a:ext cx="0" cy="1481424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Arrow: Right 9">
            <a:extLst>
              <a:ext uri="{FF2B5EF4-FFF2-40B4-BE49-F238E27FC236}">
                <a16:creationId xmlns:a16="http://schemas.microsoft.com/office/drawing/2014/main" id="{B95A7173-4633-4462-B053-BF565C6CD0D1}"/>
              </a:ext>
            </a:extLst>
          </p:cNvPr>
          <p:cNvSpPr/>
          <p:nvPr/>
        </p:nvSpPr>
        <p:spPr>
          <a:xfrm>
            <a:off x="925299" y="1643991"/>
            <a:ext cx="10457529" cy="1224546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9351D51-795A-4BC4-BF34-7DBDEE0C9543}"/>
              </a:ext>
            </a:extLst>
          </p:cNvPr>
          <p:cNvSpPr/>
          <p:nvPr/>
        </p:nvSpPr>
        <p:spPr>
          <a:xfrm>
            <a:off x="589459" y="3259702"/>
            <a:ext cx="1856136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pril 8-19</a:t>
            </a:r>
          </a:p>
          <a:p>
            <a:pPr algn="ctr"/>
            <a:r>
              <a:rPr lang="en-US" dirty="0"/>
              <a:t>Market sounding in Bangladesh and Vietnam</a:t>
            </a:r>
          </a:p>
          <a:p>
            <a:pPr algn="ctr"/>
            <a:endParaRPr lang="en-US" sz="1200" dirty="0"/>
          </a:p>
        </p:txBody>
      </p:sp>
      <p:sp>
        <p:nvSpPr>
          <p:cNvPr id="12" name="OTLSHAPE_M_8246f1b4a4ff45c48cb41aa7a85d219d_Title">
            <a:extLst>
              <a:ext uri="{FF2B5EF4-FFF2-40B4-BE49-F238E27FC236}">
                <a16:creationId xmlns:a16="http://schemas.microsoft.com/office/drawing/2014/main" id="{F2F16E0D-1622-4F06-ADE8-DB8030B3D91E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380204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Cambria" panose="02040503050406030204" pitchFamily="18" charset="0"/>
              </a:rPr>
              <a:t>April</a:t>
            </a:r>
          </a:p>
        </p:txBody>
      </p:sp>
      <p:sp>
        <p:nvSpPr>
          <p:cNvPr id="13" name="OTLSHAPE_M_8246f1b4a4ff45c48cb41aa7a85d219d_Title">
            <a:extLst>
              <a:ext uri="{FF2B5EF4-FFF2-40B4-BE49-F238E27FC236}">
                <a16:creationId xmlns:a16="http://schemas.microsoft.com/office/drawing/2014/main" id="{82ED6982-E476-427D-AC7B-864C7CFDBC5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314599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May</a:t>
            </a:r>
          </a:p>
        </p:txBody>
      </p:sp>
      <p:sp>
        <p:nvSpPr>
          <p:cNvPr id="14" name="OTLSHAPE_M_8246f1b4a4ff45c48cb41aa7a85d219d_Title">
            <a:extLst>
              <a:ext uri="{FF2B5EF4-FFF2-40B4-BE49-F238E27FC236}">
                <a16:creationId xmlns:a16="http://schemas.microsoft.com/office/drawing/2014/main" id="{D1D7C290-EC5F-485C-9D8D-6955C2956A3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248994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June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A9FDB24-0F32-4D2F-94D9-5662B126CC02}"/>
              </a:ext>
            </a:extLst>
          </p:cNvPr>
          <p:cNvSpPr/>
          <p:nvPr/>
        </p:nvSpPr>
        <p:spPr>
          <a:xfrm>
            <a:off x="4645060" y="3259702"/>
            <a:ext cx="1447402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June 4</a:t>
            </a:r>
          </a:p>
          <a:p>
            <a:pPr algn="ctr"/>
            <a:r>
              <a:rPr lang="en-US" dirty="0"/>
              <a:t>Sustainability GC meeting</a:t>
            </a:r>
          </a:p>
          <a:p>
            <a:pPr algn="ctr"/>
            <a:endParaRPr lang="en-US" sz="1200" dirty="0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2A38D58-E7AA-4A60-B0EA-2817A3EE1DA3}"/>
              </a:ext>
            </a:extLst>
          </p:cNvPr>
          <p:cNvSpPr/>
          <p:nvPr/>
        </p:nvSpPr>
        <p:spPr>
          <a:xfrm>
            <a:off x="6403901" y="4011681"/>
            <a:ext cx="1833102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June 25-26</a:t>
            </a:r>
          </a:p>
          <a:p>
            <a:pPr algn="ctr"/>
            <a:r>
              <a:rPr lang="en-US" dirty="0"/>
              <a:t>Business Model Workshop</a:t>
            </a:r>
          </a:p>
          <a:p>
            <a:pPr algn="ctr"/>
            <a:endParaRPr lang="en-US" sz="1200" dirty="0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725AA807-D49D-49C4-9506-7406B8FE49C8}"/>
              </a:ext>
            </a:extLst>
          </p:cNvPr>
          <p:cNvSpPr/>
          <p:nvPr/>
        </p:nvSpPr>
        <p:spPr>
          <a:xfrm>
            <a:off x="9507664" y="4022411"/>
            <a:ext cx="1601158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ugust</a:t>
            </a:r>
          </a:p>
          <a:p>
            <a:pPr algn="ctr"/>
            <a:r>
              <a:rPr lang="en-US" dirty="0"/>
              <a:t>Final Project Briefing</a:t>
            </a:r>
          </a:p>
          <a:p>
            <a:pPr algn="ctr"/>
            <a:endParaRPr lang="en-US" sz="1200" dirty="0"/>
          </a:p>
        </p:txBody>
      </p:sp>
      <p:sp>
        <p:nvSpPr>
          <p:cNvPr id="22" name="Right Bracket 21">
            <a:extLst>
              <a:ext uri="{FF2B5EF4-FFF2-40B4-BE49-F238E27FC236}">
                <a16:creationId xmlns:a16="http://schemas.microsoft.com/office/drawing/2014/main" id="{711AEC57-5EFA-46E0-B219-8F2C6FCD0097}"/>
              </a:ext>
            </a:extLst>
          </p:cNvPr>
          <p:cNvSpPr/>
          <p:nvPr/>
        </p:nvSpPr>
        <p:spPr>
          <a:xfrm rot="5400000">
            <a:off x="4051181" y="3073998"/>
            <a:ext cx="166209" cy="6018179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3" name="OTLSHAPE_M_8246f1b4a4ff45c48cb41aa7a85d219d_Title">
            <a:extLst>
              <a:ext uri="{FF2B5EF4-FFF2-40B4-BE49-F238E27FC236}">
                <a16:creationId xmlns:a16="http://schemas.microsoft.com/office/drawing/2014/main" id="{4145AB0F-1B7D-482A-9D6B-6AAC401DBFC0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25197" y="6243570"/>
            <a:ext cx="601817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March - June: Refine Business Models and Recommendations</a:t>
            </a:r>
          </a:p>
        </p:txBody>
      </p:sp>
      <p:sp>
        <p:nvSpPr>
          <p:cNvPr id="25" name="OTLSHAPE_M_8246f1b4a4ff45c48cb41aa7a85d219d_Title">
            <a:extLst>
              <a:ext uri="{FF2B5EF4-FFF2-40B4-BE49-F238E27FC236}">
                <a16:creationId xmlns:a16="http://schemas.microsoft.com/office/drawing/2014/main" id="{1346110A-44A7-485B-9551-982B3B87B65E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7183389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July</a:t>
            </a:r>
          </a:p>
        </p:txBody>
      </p:sp>
      <p:sp>
        <p:nvSpPr>
          <p:cNvPr id="26" name="OTLSHAPE_M_8246f1b4a4ff45c48cb41aa7a85d219d_Title">
            <a:extLst>
              <a:ext uri="{FF2B5EF4-FFF2-40B4-BE49-F238E27FC236}">
                <a16:creationId xmlns:a16="http://schemas.microsoft.com/office/drawing/2014/main" id="{F9892E31-A83F-45F1-AC42-6A55CC0C5FD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117785" y="2077688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 dirty="0">
                <a:latin typeface="+mj-lt"/>
              </a:rPr>
              <a:t>August</a:t>
            </a:r>
          </a:p>
        </p:txBody>
      </p:sp>
      <p:sp>
        <p:nvSpPr>
          <p:cNvPr id="27" name="Right Bracket 26">
            <a:extLst>
              <a:ext uri="{FF2B5EF4-FFF2-40B4-BE49-F238E27FC236}">
                <a16:creationId xmlns:a16="http://schemas.microsoft.com/office/drawing/2014/main" id="{03EE5E32-FDDA-4EA7-A265-376661146589}"/>
              </a:ext>
            </a:extLst>
          </p:cNvPr>
          <p:cNvSpPr/>
          <p:nvPr/>
        </p:nvSpPr>
        <p:spPr>
          <a:xfrm rot="5400000">
            <a:off x="8804870" y="4055089"/>
            <a:ext cx="154331" cy="2498553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8" name="OTLSHAPE_M_8246f1b4a4ff45c48cb41aa7a85d219d_Title">
            <a:extLst>
              <a:ext uri="{FF2B5EF4-FFF2-40B4-BE49-F238E27FC236}">
                <a16:creationId xmlns:a16="http://schemas.microsoft.com/office/drawing/2014/main" id="{1A771186-FD8F-435B-BE66-F88A9BF627E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632758" y="5433178"/>
            <a:ext cx="2498553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July - Aug.: Develop Business Plan, Outreach and Roadshow Plan </a:t>
            </a:r>
          </a:p>
        </p:txBody>
      </p:sp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CA55E533-2281-4D1A-AED7-7BA8D41FFBA9}"/>
              </a:ext>
            </a:extLst>
          </p:cNvPr>
          <p:cNvSpPr/>
          <p:nvPr/>
        </p:nvSpPr>
        <p:spPr>
          <a:xfrm>
            <a:off x="2539232" y="4050059"/>
            <a:ext cx="1856136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 dirty="0"/>
              <a:t>April 26-May 1</a:t>
            </a:r>
          </a:p>
          <a:p>
            <a:pPr algn="ctr"/>
            <a:r>
              <a:rPr lang="en-US" dirty="0"/>
              <a:t>Market sounding in South Africa</a:t>
            </a:r>
          </a:p>
          <a:p>
            <a:pPr algn="ctr"/>
            <a:endParaRPr lang="en-US" sz="1200" dirty="0"/>
          </a:p>
        </p:txBody>
      </p:sp>
      <p:sp>
        <p:nvSpPr>
          <p:cNvPr id="31" name="Right Bracket 30">
            <a:extLst>
              <a:ext uri="{FF2B5EF4-FFF2-40B4-BE49-F238E27FC236}">
                <a16:creationId xmlns:a16="http://schemas.microsoft.com/office/drawing/2014/main" id="{B466E417-45DB-475A-9B95-483B890C11F0}"/>
              </a:ext>
            </a:extLst>
          </p:cNvPr>
          <p:cNvSpPr/>
          <p:nvPr/>
        </p:nvSpPr>
        <p:spPr>
          <a:xfrm rot="5400000">
            <a:off x="4876694" y="4339829"/>
            <a:ext cx="254009" cy="2070359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32" name="OTLSHAPE_M_8246f1b4a4ff45c48cb41aa7a85d219d_Title">
            <a:extLst>
              <a:ext uri="{FF2B5EF4-FFF2-40B4-BE49-F238E27FC236}">
                <a16:creationId xmlns:a16="http://schemas.microsoft.com/office/drawing/2014/main" id="{735C2BCD-01E8-479D-BAF9-745D86892B8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3968519" y="5560935"/>
            <a:ext cx="2070359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latin typeface="+mn-lt"/>
              </a:rPr>
              <a:t>May 20 – June 7: Hold theme-specific webinars</a:t>
            </a:r>
          </a:p>
        </p:txBody>
      </p:sp>
    </p:spTree>
    <p:extLst>
      <p:ext uri="{BB962C8B-B14F-4D97-AF65-F5344CB8AC3E}">
        <p14:creationId xmlns:p14="http://schemas.microsoft.com/office/powerpoint/2010/main" val="19100656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95AA75-E28C-4FFF-AAE1-5F6F70ECB5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7890" y="309576"/>
            <a:ext cx="10515600" cy="1256411"/>
          </a:xfrm>
        </p:spPr>
        <p:txBody>
          <a:bodyPr/>
          <a:lstStyle/>
          <a:p>
            <a:r>
              <a:rPr lang="en-US" dirty="0"/>
              <a:t>Upcoming Key Dat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6B5EC97-6B1F-47A0-93A2-F466330A20DD}"/>
              </a:ext>
            </a:extLst>
          </p:cNvPr>
          <p:cNvSpPr txBox="1">
            <a:spLocks/>
          </p:cNvSpPr>
          <p:nvPr/>
        </p:nvSpPr>
        <p:spPr>
          <a:xfrm>
            <a:off x="491628" y="2050586"/>
            <a:ext cx="5520753" cy="410644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Aft>
                <a:spcPts val="1200"/>
              </a:spcAft>
              <a:buFont typeface="Arial"/>
              <a:buNone/>
            </a:pPr>
            <a:r>
              <a:rPr lang="en-US" sz="2400" b="1" dirty="0">
                <a:latin typeface="+mj-lt"/>
              </a:rPr>
              <a:t>Off-Cycle Governance Committee Call (June 4)</a:t>
            </a:r>
          </a:p>
          <a:p>
            <a:pPr>
              <a:spcAft>
                <a:spcPts val="1200"/>
              </a:spcAft>
            </a:pPr>
            <a:r>
              <a:rPr lang="en-US" sz="2200" b="1" dirty="0">
                <a:latin typeface="+mj-lt"/>
              </a:rPr>
              <a:t>Objective:</a:t>
            </a:r>
            <a:r>
              <a:rPr lang="en-US" sz="2200" dirty="0">
                <a:latin typeface="+mj-lt"/>
              </a:rPr>
              <a:t> Pressure-test and preview findings, recommendations, business model attributes, and activities for consensus</a:t>
            </a:r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2D446935-E33C-4654-A6A1-1B51D1F80C51}"/>
              </a:ext>
            </a:extLst>
          </p:cNvPr>
          <p:cNvSpPr txBox="1">
            <a:spLocks/>
          </p:cNvSpPr>
          <p:nvPr/>
        </p:nvSpPr>
        <p:spPr>
          <a:xfrm>
            <a:off x="6289212" y="2069960"/>
            <a:ext cx="4846320" cy="410644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b="1" dirty="0">
                <a:latin typeface="+mj-lt"/>
              </a:rPr>
              <a:t>Sustainability Workshop 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en-US" sz="2400" b="1" dirty="0">
                <a:latin typeface="+mj-lt"/>
              </a:rPr>
              <a:t>(June 25-26)</a:t>
            </a:r>
          </a:p>
          <a:p>
            <a:pPr>
              <a:spcAft>
                <a:spcPts val="1200"/>
              </a:spcAft>
            </a:pPr>
            <a:r>
              <a:rPr lang="en-US" sz="2200" dirty="0">
                <a:latin typeface="+mj-lt"/>
              </a:rPr>
              <a:t>Washington, DC (venue TBD)</a:t>
            </a:r>
          </a:p>
          <a:p>
            <a:pPr>
              <a:spcAft>
                <a:spcPts val="1200"/>
              </a:spcAft>
            </a:pPr>
            <a:r>
              <a:rPr lang="en-US" sz="2200" b="1" dirty="0">
                <a:latin typeface="+mj-lt"/>
              </a:rPr>
              <a:t>Day 1 Objective: </a:t>
            </a:r>
            <a:r>
              <a:rPr lang="en-US" sz="2200" dirty="0">
                <a:latin typeface="+mj-lt"/>
              </a:rPr>
              <a:t>Conduct overview of business model and sustainability plan</a:t>
            </a:r>
          </a:p>
          <a:p>
            <a:r>
              <a:rPr lang="en-US" sz="2200" b="1" dirty="0">
                <a:latin typeface="+mj-lt"/>
              </a:rPr>
              <a:t>Day 2 Objective: </a:t>
            </a:r>
            <a:r>
              <a:rPr lang="en-US" sz="2200" dirty="0">
                <a:latin typeface="+mj-lt"/>
              </a:rPr>
              <a:t>Create and agree on a pathway forward in implementing the business model and sustainability plan</a:t>
            </a:r>
          </a:p>
        </p:txBody>
      </p: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10E6C378-125D-4ADC-A1AD-C4A38AC40216}"/>
              </a:ext>
            </a:extLst>
          </p:cNvPr>
          <p:cNvCxnSpPr>
            <a:cxnSpLocks/>
          </p:cNvCxnSpPr>
          <p:nvPr/>
        </p:nvCxnSpPr>
        <p:spPr>
          <a:xfrm>
            <a:off x="5910285" y="1882583"/>
            <a:ext cx="0" cy="4591045"/>
          </a:xfrm>
          <a:prstGeom prst="line">
            <a:avLst/>
          </a:prstGeom>
          <a:ln w="127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3487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9486"/>
            <a:ext cx="10515600" cy="1256411"/>
          </a:xfrm>
        </p:spPr>
        <p:txBody>
          <a:bodyPr>
            <a:normAutofit fontScale="90000"/>
          </a:bodyPr>
          <a:lstStyle/>
          <a:p>
            <a:r>
              <a:rPr lang="en-US" dirty="0"/>
              <a:t>Governance Committee Webinars</a:t>
            </a:r>
            <a:br>
              <a:rPr lang="en-US" dirty="0"/>
            </a:br>
            <a:r>
              <a:rPr lang="en-US" dirty="0"/>
              <a:t>May 20-June 7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78407" y="1976515"/>
            <a:ext cx="5117593" cy="4616648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Engage GC members and OpenLMIS advisors to increase visibility into individual perspectives and gain consensus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Stakeholders can choose theme(s): Product, Governance, and Customer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400" dirty="0">
                <a:solidFill>
                  <a:schemeClr val="tx1"/>
                </a:solidFill>
                <a:latin typeface="+mj-lt"/>
              </a:rPr>
              <a:t>Each session will explore specific attributes of future state based on the theme of the group 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endParaRPr lang="en-US" sz="2400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A4B232-5344-4D41-89BD-F0DED538C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5</a:t>
            </a:fld>
            <a:endParaRPr lang="en-US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D8C7C2B-B70E-3B4A-BCEA-92C365D06E0E}"/>
              </a:ext>
            </a:extLst>
          </p:cNvPr>
          <p:cNvGrpSpPr/>
          <p:nvPr/>
        </p:nvGrpSpPr>
        <p:grpSpPr>
          <a:xfrm>
            <a:off x="6623882" y="1831116"/>
            <a:ext cx="3973436" cy="3610711"/>
            <a:chOff x="6543933" y="2100649"/>
            <a:chExt cx="4402380" cy="4000500"/>
          </a:xfrm>
        </p:grpSpPr>
        <p:grpSp>
          <p:nvGrpSpPr>
            <p:cNvPr id="13" name="Group 12">
              <a:extLst>
                <a:ext uri="{FF2B5EF4-FFF2-40B4-BE49-F238E27FC236}">
                  <a16:creationId xmlns:a16="http://schemas.microsoft.com/office/drawing/2014/main" id="{200C45B0-2C60-3C4D-B53E-CFA5489C4A2E}"/>
                </a:ext>
              </a:extLst>
            </p:cNvPr>
            <p:cNvGrpSpPr/>
            <p:nvPr/>
          </p:nvGrpSpPr>
          <p:grpSpPr>
            <a:xfrm>
              <a:off x="6543933" y="2100649"/>
              <a:ext cx="4343400" cy="4000500"/>
              <a:chOff x="6774180" y="1981200"/>
              <a:chExt cx="4343400" cy="4000500"/>
            </a:xfrm>
          </p:grpSpPr>
          <p:sp>
            <p:nvSpPr>
              <p:cNvPr id="18" name="Oval 17">
                <a:extLst>
                  <a:ext uri="{FF2B5EF4-FFF2-40B4-BE49-F238E27FC236}">
                    <a16:creationId xmlns:a16="http://schemas.microsoft.com/office/drawing/2014/main" id="{E3A8AEBB-074E-7143-8F85-F5C21A46542D}"/>
                  </a:ext>
                </a:extLst>
              </p:cNvPr>
              <p:cNvSpPr/>
              <p:nvPr/>
            </p:nvSpPr>
            <p:spPr>
              <a:xfrm>
                <a:off x="7635240" y="33147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19" name="Oval 18">
                <a:extLst>
                  <a:ext uri="{FF2B5EF4-FFF2-40B4-BE49-F238E27FC236}">
                    <a16:creationId xmlns:a16="http://schemas.microsoft.com/office/drawing/2014/main" id="{124AB06D-A784-3E42-AE0E-0551A1451EE3}"/>
                  </a:ext>
                </a:extLst>
              </p:cNvPr>
              <p:cNvSpPr/>
              <p:nvPr/>
            </p:nvSpPr>
            <p:spPr>
              <a:xfrm>
                <a:off x="677418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0" name="Oval 19">
                <a:extLst>
                  <a:ext uri="{FF2B5EF4-FFF2-40B4-BE49-F238E27FC236}">
                    <a16:creationId xmlns:a16="http://schemas.microsoft.com/office/drawing/2014/main" id="{E545267F-DEEB-1341-960B-16914A48DC77}"/>
                  </a:ext>
                </a:extLst>
              </p:cNvPr>
              <p:cNvSpPr/>
              <p:nvPr/>
            </p:nvSpPr>
            <p:spPr>
              <a:xfrm>
                <a:off x="8435340" y="1981200"/>
                <a:ext cx="2682240" cy="2667000"/>
              </a:xfrm>
              <a:prstGeom prst="ellipse">
                <a:avLst/>
              </a:prstGeom>
              <a:solidFill>
                <a:schemeClr val="accent3">
                  <a:alpha val="18000"/>
                </a:schemeClr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  <p:sp>
            <p:nvSpPr>
              <p:cNvPr id="21" name="Freeform 9">
                <a:extLst>
                  <a:ext uri="{FF2B5EF4-FFF2-40B4-BE49-F238E27FC236}">
                    <a16:creationId xmlns:a16="http://schemas.microsoft.com/office/drawing/2014/main" id="{9D163519-7CB9-DD48-A869-9EC5C466B09C}"/>
                  </a:ext>
                </a:extLst>
              </p:cNvPr>
              <p:cNvSpPr/>
              <p:nvPr/>
            </p:nvSpPr>
            <p:spPr>
              <a:xfrm>
                <a:off x="8461094" y="3327723"/>
                <a:ext cx="978061" cy="1012784"/>
              </a:xfrm>
              <a:custGeom>
                <a:avLst/>
                <a:gdLst>
                  <a:gd name="connsiteX0" fmla="*/ 0 w 978060"/>
                  <a:gd name="connsiteY0" fmla="*/ 109959 h 1012784"/>
                  <a:gd name="connsiteX1" fmla="*/ 46298 w 978060"/>
                  <a:gd name="connsiteY1" fmla="*/ 370389 h 1012784"/>
                  <a:gd name="connsiteX2" fmla="*/ 133109 w 978060"/>
                  <a:gd name="connsiteY2" fmla="*/ 584521 h 1012784"/>
                  <a:gd name="connsiteX3" fmla="*/ 254643 w 978060"/>
                  <a:gd name="connsiteY3" fmla="*/ 769716 h 1012784"/>
                  <a:gd name="connsiteX4" fmla="*/ 422476 w 978060"/>
                  <a:gd name="connsiteY4" fmla="*/ 960698 h 1012784"/>
                  <a:gd name="connsiteX5" fmla="*/ 491924 w 978060"/>
                  <a:gd name="connsiteY5" fmla="*/ 1012784 h 1012784"/>
                  <a:gd name="connsiteX6" fmla="*/ 671331 w 978060"/>
                  <a:gd name="connsiteY6" fmla="*/ 844951 h 1012784"/>
                  <a:gd name="connsiteX7" fmla="*/ 798653 w 978060"/>
                  <a:gd name="connsiteY7" fmla="*/ 653969 h 1012784"/>
                  <a:gd name="connsiteX8" fmla="*/ 879676 w 978060"/>
                  <a:gd name="connsiteY8" fmla="*/ 486136 h 1012784"/>
                  <a:gd name="connsiteX9" fmla="*/ 954911 w 978060"/>
                  <a:gd name="connsiteY9" fmla="*/ 248855 h 1012784"/>
                  <a:gd name="connsiteX10" fmla="*/ 978060 w 978060"/>
                  <a:gd name="connsiteY10" fmla="*/ 75235 h 1012784"/>
                  <a:gd name="connsiteX11" fmla="*/ 723417 w 978060"/>
                  <a:gd name="connsiteY11" fmla="*/ 23149 h 1012784"/>
                  <a:gd name="connsiteX12" fmla="*/ 578734 w 978060"/>
                  <a:gd name="connsiteY12" fmla="*/ 0 h 1012784"/>
                  <a:gd name="connsiteX13" fmla="*/ 364602 w 978060"/>
                  <a:gd name="connsiteY13" fmla="*/ 17362 h 1012784"/>
                  <a:gd name="connsiteX14" fmla="*/ 214131 w 978060"/>
                  <a:gd name="connsiteY14" fmla="*/ 34724 h 1012784"/>
                  <a:gd name="connsiteX15" fmla="*/ 0 w 978060"/>
                  <a:gd name="connsiteY15" fmla="*/ 109959 h 10127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978060" h="1012784">
                    <a:moveTo>
                      <a:pt x="0" y="109959"/>
                    </a:moveTo>
                    <a:lnTo>
                      <a:pt x="46298" y="370389"/>
                    </a:lnTo>
                    <a:lnTo>
                      <a:pt x="133109" y="584521"/>
                    </a:lnTo>
                    <a:lnTo>
                      <a:pt x="254643" y="769716"/>
                    </a:lnTo>
                    <a:lnTo>
                      <a:pt x="422476" y="960698"/>
                    </a:lnTo>
                    <a:lnTo>
                      <a:pt x="491924" y="1012784"/>
                    </a:lnTo>
                    <a:lnTo>
                      <a:pt x="671331" y="844951"/>
                    </a:lnTo>
                    <a:lnTo>
                      <a:pt x="798653" y="653969"/>
                    </a:lnTo>
                    <a:lnTo>
                      <a:pt x="879676" y="486136"/>
                    </a:lnTo>
                    <a:lnTo>
                      <a:pt x="954911" y="248855"/>
                    </a:lnTo>
                    <a:lnTo>
                      <a:pt x="978060" y="75235"/>
                    </a:lnTo>
                    <a:lnTo>
                      <a:pt x="723417" y="23149"/>
                    </a:lnTo>
                    <a:lnTo>
                      <a:pt x="578734" y="0"/>
                    </a:lnTo>
                    <a:lnTo>
                      <a:pt x="364602" y="17362"/>
                    </a:lnTo>
                    <a:lnTo>
                      <a:pt x="214131" y="34724"/>
                    </a:lnTo>
                    <a:lnTo>
                      <a:pt x="0" y="109959"/>
                    </a:lnTo>
                    <a:close/>
                  </a:path>
                </a:pathLst>
              </a:custGeom>
              <a:solidFill>
                <a:schemeClr val="accent3"/>
              </a:solidFill>
              <a:ln w="38100"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000"/>
              </a:p>
            </p:txBody>
          </p:sp>
        </p:grp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40BC66A4-D97B-7347-B5BE-964D34517148}"/>
                </a:ext>
              </a:extLst>
            </p:cNvPr>
            <p:cNvSpPr txBox="1"/>
            <p:nvPr/>
          </p:nvSpPr>
          <p:spPr>
            <a:xfrm>
              <a:off x="9029227" y="3155824"/>
              <a:ext cx="1917086" cy="3410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Governance 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ECF9AD40-C1F9-BA40-9A15-2CED52E730D8}"/>
                </a:ext>
              </a:extLst>
            </p:cNvPr>
            <p:cNvSpPr txBox="1"/>
            <p:nvPr/>
          </p:nvSpPr>
          <p:spPr>
            <a:xfrm>
              <a:off x="6657299" y="3145379"/>
              <a:ext cx="1636122" cy="34100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oduct 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5675307C-304C-354A-8992-8B26630490FA}"/>
                </a:ext>
              </a:extLst>
            </p:cNvPr>
            <p:cNvSpPr txBox="1"/>
            <p:nvPr/>
          </p:nvSpPr>
          <p:spPr>
            <a:xfrm>
              <a:off x="7456328" y="4995022"/>
              <a:ext cx="2614863" cy="341003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US" b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ustomer</a:t>
              </a: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ACB43CED-8280-8C40-A77B-F6B1F453DD3A}"/>
                </a:ext>
              </a:extLst>
            </p:cNvPr>
            <p:cNvSpPr/>
            <p:nvPr/>
          </p:nvSpPr>
          <p:spPr>
            <a:xfrm>
              <a:off x="8183979" y="3565921"/>
              <a:ext cx="1104743" cy="409203"/>
            </a:xfrm>
            <a:prstGeom prst="rect">
              <a:avLst/>
            </a:prstGeom>
          </p:spPr>
          <p:txBody>
            <a:bodyPr wrap="square" anchor="t">
              <a:spAutoFit/>
            </a:bodyPr>
            <a:lstStyle/>
            <a:p>
              <a:pPr algn="ctr"/>
              <a:r>
                <a:rPr lang="en-US" sz="900" b="1">
                  <a:solidFill>
                    <a:schemeClr val="bg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penLMIS Webinars</a:t>
              </a:r>
              <a:endParaRPr lang="en-US" sz="900"/>
            </a:p>
          </p:txBody>
        </p:sp>
      </p:grpSp>
    </p:spTree>
    <p:extLst>
      <p:ext uri="{BB962C8B-B14F-4D97-AF65-F5344CB8AC3E}">
        <p14:creationId xmlns:p14="http://schemas.microsoft.com/office/powerpoint/2010/main" val="1202650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7" name="Shape 217"/>
          <p:cNvSpPr txBox="1">
            <a:spLocks noGrp="1"/>
          </p:cNvSpPr>
          <p:nvPr>
            <p:ph type="title"/>
          </p:nvPr>
        </p:nvSpPr>
        <p:spPr>
          <a:xfrm>
            <a:off x="877662" y="2412975"/>
            <a:ext cx="4825093" cy="1325700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8100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</a:pPr>
            <a:r>
              <a:rPr lang="en-US" sz="6000" u="none" strike="noStrike" cap="none">
                <a:solidFill>
                  <a:schemeClr val="tx1">
                    <a:lumMod val="90000"/>
                    <a:lumOff val="10000"/>
                  </a:schemeClr>
                </a:solidFill>
                <a:latin typeface="Cambria" charset="0"/>
                <a:ea typeface="Cambria" charset="0"/>
                <a:cs typeface="Cambria" charset="0"/>
                <a:sym typeface="Calibri"/>
              </a:rPr>
              <a:t>Thank You!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4097486-F3A0-4E34-88DE-0B0CC0B49A7E}"/>
              </a:ext>
            </a:extLst>
          </p:cNvPr>
          <p:cNvSpPr txBox="1">
            <a:spLocks/>
          </p:cNvSpPr>
          <p:nvPr/>
        </p:nvSpPr>
        <p:spPr>
          <a:xfrm>
            <a:off x="604837" y="4445025"/>
            <a:ext cx="2418289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JAMES BERNARD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Director, Global Partnerships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jbernard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BFA2DAC-38BA-48A6-ACD6-CB1E487100D3}"/>
              </a:ext>
            </a:extLst>
          </p:cNvPr>
          <p:cNvSpPr txBox="1">
            <a:spLocks/>
          </p:cNvSpPr>
          <p:nvPr/>
        </p:nvSpPr>
        <p:spPr>
          <a:xfrm>
            <a:off x="3290209" y="4445025"/>
            <a:ext cx="227478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EMILY CLAYTON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Manager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eclayton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F9C4AA3-47B3-4E8D-AC88-156603A26DAA}"/>
              </a:ext>
            </a:extLst>
          </p:cNvPr>
          <p:cNvSpPr txBox="1">
            <a:spLocks/>
          </p:cNvSpPr>
          <p:nvPr/>
        </p:nvSpPr>
        <p:spPr>
          <a:xfrm>
            <a:off x="877662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KIM COURI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Consultant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kcouri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C79400C-7A66-4976-8964-F922CF2200AF}"/>
              </a:ext>
            </a:extLst>
          </p:cNvPr>
          <p:cNvSpPr txBox="1">
            <a:spLocks/>
          </p:cNvSpPr>
          <p:nvPr/>
        </p:nvSpPr>
        <p:spPr>
          <a:xfrm>
            <a:off x="3425269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ZACH HARRIS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Analyst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zharris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04D86B8-A048-4395-8AF9-B782F5676FA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-2147" t="9178" r="-2719" b="9178"/>
          <a:stretch/>
        </p:blipFill>
        <p:spPr>
          <a:xfrm>
            <a:off x="6627011" y="0"/>
            <a:ext cx="8819147" cy="6858000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177B435-B83A-4C9F-9D34-5088808C01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487181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sonance Group 2019">
      <a:dk1>
        <a:srgbClr val="000000"/>
      </a:dk1>
      <a:lt1>
        <a:srgbClr val="FFFFFF"/>
      </a:lt1>
      <a:dk2>
        <a:srgbClr val="2E2268"/>
      </a:dk2>
      <a:lt2>
        <a:srgbClr val="CEC8BF"/>
      </a:lt2>
      <a:accent1>
        <a:srgbClr val="06A24A"/>
      </a:accent1>
      <a:accent2>
        <a:srgbClr val="543D8A"/>
      </a:accent2>
      <a:accent3>
        <a:srgbClr val="F15A30"/>
      </a:accent3>
      <a:accent4>
        <a:srgbClr val="8ABEC5"/>
      </a:accent4>
      <a:accent5>
        <a:srgbClr val="D8BA28"/>
      </a:accent5>
      <a:accent6>
        <a:srgbClr val="9A847A"/>
      </a:accent6>
      <a:hlink>
        <a:srgbClr val="F15A30"/>
      </a:hlink>
      <a:folHlink>
        <a:srgbClr val="F15A30"/>
      </a:folHlink>
    </a:clrScheme>
    <a:fontScheme name="Cambria Arial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932EAD547D39A448F70DFD1A9451210" ma:contentTypeVersion="" ma:contentTypeDescription="Create a new document." ma:contentTypeScope="" ma:versionID="b635c00a6174c117837e89d03b3d432f">
  <xsd:schema xmlns:xsd="http://www.w3.org/2001/XMLSchema" xmlns:xs="http://www.w3.org/2001/XMLSchema" xmlns:p="http://schemas.microsoft.com/office/2006/metadata/properties" xmlns:ns2="fb74af13-32b2-4119-8e02-20c54814feab" xmlns:ns3="21478273-4f81-4aa2-a466-7405cc301cec" targetNamespace="http://schemas.microsoft.com/office/2006/metadata/properties" ma:root="true" ma:fieldsID="6de30ee5d0d5fc75f97585fa2092cae7" ns2:_="" ns3:_="">
    <xsd:import namespace="fb74af13-32b2-4119-8e02-20c54814feab"/>
    <xsd:import namespace="21478273-4f81-4aa2-a466-7405cc301ce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b74af13-32b2-4119-8e02-20c54814fea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8273-4f81-4aa2-a466-7405cc301cec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1478273-4f81-4aa2-a466-7405cc301cec">
      <UserInfo>
        <DisplayName/>
        <AccountId xsi:nil="true"/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40A41149-2DB8-4B5D-9351-7BC411F4615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FE2ED93-A76B-46AD-9D20-1FCFB461E38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fb74af13-32b2-4119-8e02-20c54814feab"/>
    <ds:schemaRef ds:uri="21478273-4f81-4aa2-a466-7405cc301ce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CF7D066-197F-4E85-A7B2-4C13D9F0F0CD}">
  <ds:schemaRefs>
    <ds:schemaRef ds:uri="http://schemas.microsoft.com/office/2006/metadata/properties"/>
    <ds:schemaRef ds:uri="http://www.w3.org/XML/1998/namespace"/>
    <ds:schemaRef ds:uri="http://purl.org/dc/terms/"/>
    <ds:schemaRef ds:uri="http://purl.org/dc/dcmitype/"/>
    <ds:schemaRef ds:uri="http://schemas.microsoft.com/office/2006/documentManagement/types"/>
    <ds:schemaRef ds:uri="http://purl.org/dc/elements/1.1/"/>
    <ds:schemaRef ds:uri="fb74af13-32b2-4119-8e02-20c54814feab"/>
    <ds:schemaRef ds:uri="http://schemas.microsoft.com/office/infopath/2007/PartnerControls"/>
    <ds:schemaRef ds:uri="http://schemas.openxmlformats.org/package/2006/metadata/core-properties"/>
    <ds:schemaRef ds:uri="21478273-4f81-4aa2-a466-7405cc301cec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210</TotalTime>
  <Words>307</Words>
  <Application>Microsoft Office PowerPoint</Application>
  <PresentationFormat>Widescreen</PresentationFormat>
  <Paragraphs>66</Paragraphs>
  <Slides>6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2" baseType="lpstr">
      <vt:lpstr>Arial</vt:lpstr>
      <vt:lpstr>Calibri</vt:lpstr>
      <vt:lpstr>Cambria</vt:lpstr>
      <vt:lpstr>Gill Sans MT</vt:lpstr>
      <vt:lpstr>Wingdings</vt:lpstr>
      <vt:lpstr>Office Theme</vt:lpstr>
      <vt:lpstr>PowerPoint Presentation</vt:lpstr>
      <vt:lpstr>Agenda</vt:lpstr>
      <vt:lpstr>Timeline Updates</vt:lpstr>
      <vt:lpstr>Upcoming Key Dates</vt:lpstr>
      <vt:lpstr>Governance Committee Webinars May 20-June 7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mes</dc:creator>
  <cp:lastModifiedBy>Emily Clayton</cp:lastModifiedBy>
  <cp:revision>59</cp:revision>
  <cp:lastPrinted>2019-01-28T17:34:47Z</cp:lastPrinted>
  <dcterms:modified xsi:type="dcterms:W3CDTF">2019-04-16T13:17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932EAD547D39A448F70DFD1A9451210</vt:lpwstr>
  </property>
  <property fmtid="{D5CDD505-2E9C-101B-9397-08002B2CF9AE}" pid="3" name="AuthorIds_UIVersion_512">
    <vt:lpwstr>5601</vt:lpwstr>
  </property>
  <property fmtid="{D5CDD505-2E9C-101B-9397-08002B2CF9AE}" pid="4" name="xd_Signature">
    <vt:bool>false</vt:bool>
  </property>
  <property fmtid="{D5CDD505-2E9C-101B-9397-08002B2CF9AE}" pid="5" name="xd_ProgID">
    <vt:lpwstr/>
  </property>
  <property fmtid="{D5CDD505-2E9C-101B-9397-08002B2CF9AE}" pid="6" name="ComplianceAssetId">
    <vt:lpwstr/>
  </property>
  <property fmtid="{D5CDD505-2E9C-101B-9397-08002B2CF9AE}" pid="7" name="TemplateUrl">
    <vt:lpwstr/>
  </property>
</Properties>
</file>